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3"/>
  </p:notesMasterIdLst>
  <p:sldIdLst>
    <p:sldId id="257" r:id="rId2"/>
    <p:sldId id="286" r:id="rId3"/>
    <p:sldId id="323" r:id="rId4"/>
    <p:sldId id="317" r:id="rId5"/>
    <p:sldId id="289" r:id="rId6"/>
    <p:sldId id="290" r:id="rId7"/>
    <p:sldId id="291" r:id="rId8"/>
    <p:sldId id="292" r:id="rId9"/>
    <p:sldId id="315" r:id="rId10"/>
    <p:sldId id="319" r:id="rId11"/>
    <p:sldId id="318" r:id="rId12"/>
    <p:sldId id="320" r:id="rId13"/>
    <p:sldId id="322" r:id="rId14"/>
    <p:sldId id="293" r:id="rId15"/>
    <p:sldId id="296" r:id="rId16"/>
    <p:sldId id="321" r:id="rId17"/>
    <p:sldId id="294" r:id="rId18"/>
    <p:sldId id="300" r:id="rId19"/>
    <p:sldId id="302" r:id="rId20"/>
    <p:sldId id="298" r:id="rId21"/>
    <p:sldId id="307" r:id="rId22"/>
  </p:sldIdLst>
  <p:sldSz cx="9144000" cy="6858000" type="screen4x3"/>
  <p:notesSz cx="6858000" cy="9144000"/>
  <p:defaultTextStyle>
    <a:defPPr>
      <a:defRPr lang="zh-CN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宋体" charset="-122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宋体" charset="-122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宋体" charset="-122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宋体" charset="-122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宋体" charset="-122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宋体" charset="-122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宋体" charset="-122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宋体" charset="-122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宋体" charset="-122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822">
          <p15:clr>
            <a:srgbClr val="A4A3A4"/>
          </p15:clr>
        </p15:guide>
        <p15:guide id="2" orient="horz" pos="2750">
          <p15:clr>
            <a:srgbClr val="A4A3A4"/>
          </p15:clr>
        </p15:guide>
        <p15:guide id="3" orient="horz" pos="1185">
          <p15:clr>
            <a:srgbClr val="A4A3A4"/>
          </p15:clr>
        </p15:guide>
        <p15:guide id="4" orient="horz" pos="3793">
          <p15:clr>
            <a:srgbClr val="A4A3A4"/>
          </p15:clr>
        </p15:guide>
        <p15:guide id="5" orient="horz" pos="2863">
          <p15:clr>
            <a:srgbClr val="A4A3A4"/>
          </p15:clr>
        </p15:guide>
        <p15:guide id="6" orient="horz" pos="2387">
          <p15:clr>
            <a:srgbClr val="A4A3A4"/>
          </p15:clr>
        </p15:guide>
        <p15:guide id="7" orient="horz" pos="686">
          <p15:clr>
            <a:srgbClr val="A4A3A4"/>
          </p15:clr>
        </p15:guide>
        <p15:guide id="8" pos="226">
          <p15:clr>
            <a:srgbClr val="A4A3A4"/>
          </p15:clr>
        </p15:guide>
        <p15:guide id="9" pos="2880">
          <p15:clr>
            <a:srgbClr val="A4A3A4"/>
          </p15:clr>
        </p15:guide>
        <p15:guide id="10" pos="4740">
          <p15:clr>
            <a:srgbClr val="A4A3A4"/>
          </p15:clr>
        </p15:guide>
        <p15:guide id="11" pos="1292">
          <p15:clr>
            <a:srgbClr val="A4A3A4"/>
          </p15:clr>
        </p15:guide>
        <p15:guide id="12" pos="5534">
          <p15:clr>
            <a:srgbClr val="A4A3A4"/>
          </p15:clr>
        </p15:guide>
        <p15:guide id="13" pos="108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D4D25"/>
    <a:srgbClr val="057DA8"/>
    <a:srgbClr val="104B3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513" autoAdjust="0"/>
  </p:normalViewPr>
  <p:slideViewPr>
    <p:cSldViewPr snapToGrid="0">
      <p:cViewPr varScale="1">
        <p:scale>
          <a:sx n="86" d="100"/>
          <a:sy n="86" d="100"/>
        </p:scale>
        <p:origin x="1382" y="91"/>
      </p:cViewPr>
      <p:guideLst>
        <p:guide orient="horz" pos="822"/>
        <p:guide orient="horz" pos="2750"/>
        <p:guide orient="horz" pos="1185"/>
        <p:guide orient="horz" pos="3793"/>
        <p:guide orient="horz" pos="2863"/>
        <p:guide orient="horz" pos="2387"/>
        <p:guide orient="horz" pos="686"/>
        <p:guide pos="226"/>
        <p:guide pos="2880"/>
        <p:guide pos="4740"/>
        <p:guide pos="1292"/>
        <p:guide pos="5534"/>
        <p:guide pos="108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A91E9DA-630F-4DD1-8D5C-A0AF8197768A}" type="doc">
      <dgm:prSet loTypeId="urn:microsoft.com/office/officeart/2005/8/layout/orgChart1" loCatId="hierarchy" qsTypeId="urn:microsoft.com/office/officeart/2005/8/quickstyle/simple1#1" qsCatId="simple" csTypeId="urn:microsoft.com/office/officeart/2005/8/colors/accent6_2" csCatId="accent6" phldr="1"/>
      <dgm:spPr/>
      <dgm:t>
        <a:bodyPr/>
        <a:lstStyle/>
        <a:p>
          <a:endParaRPr lang="zh-CN" altLang="en-US"/>
        </a:p>
      </dgm:t>
    </dgm:pt>
    <dgm:pt modelId="{9F449C4D-8394-4889-BEE2-FDEC14BCD064}">
      <dgm:prSet phldrT="[文本]"/>
      <dgm:spPr/>
      <dgm:t>
        <a:bodyPr/>
        <a:lstStyle/>
        <a:p>
          <a:r>
            <a:rPr lang="zh-CN" altLang="en-US" dirty="0"/>
            <a:t>军训旅</a:t>
          </a:r>
        </a:p>
      </dgm:t>
    </dgm:pt>
    <dgm:pt modelId="{109C0171-CFB7-4455-A02E-DD9DDE58ECAF}" type="parTrans" cxnId="{09BEE531-718E-4BC9-8644-14FD6F88771C}">
      <dgm:prSet/>
      <dgm:spPr/>
      <dgm:t>
        <a:bodyPr/>
        <a:lstStyle/>
        <a:p>
          <a:endParaRPr lang="zh-CN" altLang="en-US"/>
        </a:p>
      </dgm:t>
    </dgm:pt>
    <dgm:pt modelId="{1DDC8219-8AF6-41FC-AA71-656082AE3C07}" type="sibTrans" cxnId="{09BEE531-718E-4BC9-8644-14FD6F88771C}">
      <dgm:prSet/>
      <dgm:spPr/>
      <dgm:t>
        <a:bodyPr/>
        <a:lstStyle/>
        <a:p>
          <a:endParaRPr lang="zh-CN" altLang="en-US"/>
        </a:p>
      </dgm:t>
    </dgm:pt>
    <dgm:pt modelId="{5A52591A-6814-495A-81E9-E74F9341C2E7}">
      <dgm:prSet phldrT="[文本]"/>
      <dgm:spPr/>
      <dgm:t>
        <a:bodyPr/>
        <a:lstStyle/>
        <a:p>
          <a:r>
            <a:rPr lang="zh-CN" altLang="en-US" dirty="0"/>
            <a:t>一营</a:t>
          </a:r>
        </a:p>
      </dgm:t>
    </dgm:pt>
    <dgm:pt modelId="{E26A8032-1D76-4A66-9991-6390A18E6BFF}" type="parTrans" cxnId="{C8965030-52D1-4954-AAB2-5A2D7BBBABEE}">
      <dgm:prSet/>
      <dgm:spPr/>
      <dgm:t>
        <a:bodyPr/>
        <a:lstStyle/>
        <a:p>
          <a:endParaRPr lang="zh-CN" altLang="en-US"/>
        </a:p>
      </dgm:t>
    </dgm:pt>
    <dgm:pt modelId="{CBD22072-404E-470D-88FB-D24F0EB2B5B2}" type="sibTrans" cxnId="{C8965030-52D1-4954-AAB2-5A2D7BBBABEE}">
      <dgm:prSet/>
      <dgm:spPr/>
      <dgm:t>
        <a:bodyPr/>
        <a:lstStyle/>
        <a:p>
          <a:endParaRPr lang="zh-CN" altLang="en-US"/>
        </a:p>
      </dgm:t>
    </dgm:pt>
    <dgm:pt modelId="{3F14397A-E4BB-467C-A062-ED5E5855510A}">
      <dgm:prSet phldrT="[文本]"/>
      <dgm:spPr/>
      <dgm:t>
        <a:bodyPr/>
        <a:lstStyle/>
        <a:p>
          <a:r>
            <a:rPr lang="zh-CN" altLang="en-US" dirty="0"/>
            <a:t>二营</a:t>
          </a:r>
        </a:p>
      </dgm:t>
    </dgm:pt>
    <dgm:pt modelId="{06F8ECFA-742C-47E2-AB96-C1661B0974C8}" type="parTrans" cxnId="{D03364A6-C8B9-44C8-84D1-BB31B5536C7A}">
      <dgm:prSet/>
      <dgm:spPr/>
      <dgm:t>
        <a:bodyPr/>
        <a:lstStyle/>
        <a:p>
          <a:endParaRPr lang="zh-CN" altLang="en-US"/>
        </a:p>
      </dgm:t>
    </dgm:pt>
    <dgm:pt modelId="{511E2F19-38FB-43D2-BD51-E432C7E842B6}" type="sibTrans" cxnId="{D03364A6-C8B9-44C8-84D1-BB31B5536C7A}">
      <dgm:prSet/>
      <dgm:spPr/>
      <dgm:t>
        <a:bodyPr/>
        <a:lstStyle/>
        <a:p>
          <a:endParaRPr lang="zh-CN" altLang="en-US"/>
        </a:p>
      </dgm:t>
    </dgm:pt>
    <dgm:pt modelId="{9FA68001-E314-43D4-BBDF-2846705A66B4}">
      <dgm:prSet phldrT="[文本]"/>
      <dgm:spPr/>
      <dgm:t>
        <a:bodyPr/>
        <a:lstStyle/>
        <a:p>
          <a:r>
            <a:rPr lang="zh-CN" altLang="en-US" dirty="0"/>
            <a:t>四营</a:t>
          </a:r>
        </a:p>
      </dgm:t>
    </dgm:pt>
    <dgm:pt modelId="{5FDCA80A-414E-413C-B835-91590092ECFE}" type="parTrans" cxnId="{9D9D6DE1-0D65-45FD-8FA0-D51B24373E1B}">
      <dgm:prSet/>
      <dgm:spPr/>
      <dgm:t>
        <a:bodyPr/>
        <a:lstStyle/>
        <a:p>
          <a:endParaRPr lang="zh-CN" altLang="en-US"/>
        </a:p>
      </dgm:t>
    </dgm:pt>
    <dgm:pt modelId="{A3F0EA05-B8BF-42AA-9A1F-9233D06A380F}" type="sibTrans" cxnId="{9D9D6DE1-0D65-45FD-8FA0-D51B24373E1B}">
      <dgm:prSet/>
      <dgm:spPr/>
      <dgm:t>
        <a:bodyPr/>
        <a:lstStyle/>
        <a:p>
          <a:endParaRPr lang="zh-CN" altLang="en-US"/>
        </a:p>
      </dgm:t>
    </dgm:pt>
    <dgm:pt modelId="{9C99DF64-C8E2-426C-A0AA-1DB5716ED694}">
      <dgm:prSet phldrT="[文本]"/>
      <dgm:spPr/>
      <dgm:t>
        <a:bodyPr/>
        <a:lstStyle/>
        <a:p>
          <a:r>
            <a:rPr lang="zh-CN" altLang="en-US" dirty="0"/>
            <a:t>三营</a:t>
          </a:r>
        </a:p>
      </dgm:t>
    </dgm:pt>
    <dgm:pt modelId="{F1E4A801-EC7D-4DDA-8B9B-8A5A34195E7D}" type="parTrans" cxnId="{C9F441D7-2CBE-4DFE-9918-D2B335A25407}">
      <dgm:prSet/>
      <dgm:spPr/>
      <dgm:t>
        <a:bodyPr/>
        <a:lstStyle/>
        <a:p>
          <a:endParaRPr lang="zh-CN" altLang="en-US"/>
        </a:p>
      </dgm:t>
    </dgm:pt>
    <dgm:pt modelId="{545518F1-43D8-45B5-9C2A-790D87739622}" type="sibTrans" cxnId="{C9F441D7-2CBE-4DFE-9918-D2B335A25407}">
      <dgm:prSet/>
      <dgm:spPr/>
      <dgm:t>
        <a:bodyPr/>
        <a:lstStyle/>
        <a:p>
          <a:endParaRPr lang="zh-CN" altLang="en-US"/>
        </a:p>
      </dgm:t>
    </dgm:pt>
    <dgm:pt modelId="{643951E3-8631-42E4-B1FF-D9B906E876AF}">
      <dgm:prSet phldrT="[文本]"/>
      <dgm:spPr/>
      <dgm:t>
        <a:bodyPr/>
        <a:lstStyle/>
        <a:p>
          <a:r>
            <a:rPr lang="zh-CN" altLang="en-US" dirty="0"/>
            <a:t>二排</a:t>
          </a:r>
        </a:p>
      </dgm:t>
    </dgm:pt>
    <dgm:pt modelId="{85E750D6-8618-4699-A902-064CD9CFB885}" type="parTrans" cxnId="{4B0CFEF4-6FDE-45AC-BF33-8480AB14B570}">
      <dgm:prSet/>
      <dgm:spPr/>
      <dgm:t>
        <a:bodyPr/>
        <a:lstStyle/>
        <a:p>
          <a:endParaRPr lang="zh-CN" altLang="en-US"/>
        </a:p>
      </dgm:t>
    </dgm:pt>
    <dgm:pt modelId="{20A825BB-4E78-4C4A-AB56-9E2228B34D80}" type="sibTrans" cxnId="{4B0CFEF4-6FDE-45AC-BF33-8480AB14B570}">
      <dgm:prSet/>
      <dgm:spPr/>
      <dgm:t>
        <a:bodyPr/>
        <a:lstStyle/>
        <a:p>
          <a:endParaRPr lang="zh-CN" altLang="en-US"/>
        </a:p>
      </dgm:t>
    </dgm:pt>
    <dgm:pt modelId="{D52CA700-0366-4B42-BD41-38A0D566CDC6}">
      <dgm:prSet phldrT="[文本]"/>
      <dgm:spPr/>
      <dgm:t>
        <a:bodyPr/>
        <a:lstStyle/>
        <a:p>
          <a:r>
            <a:rPr lang="zh-CN" altLang="en-US" dirty="0"/>
            <a:t>。。。</a:t>
          </a:r>
        </a:p>
      </dgm:t>
    </dgm:pt>
    <dgm:pt modelId="{DBEF966C-72C8-4F35-B74E-BFEEFD69EBA7}" type="parTrans" cxnId="{23A88BCF-6F50-4759-BEA1-1598F23966E9}">
      <dgm:prSet/>
      <dgm:spPr/>
      <dgm:t>
        <a:bodyPr/>
        <a:lstStyle/>
        <a:p>
          <a:endParaRPr lang="zh-CN" altLang="en-US"/>
        </a:p>
      </dgm:t>
    </dgm:pt>
    <dgm:pt modelId="{0B45EBAB-B2A8-4D88-9473-7C910A1EA8E6}" type="sibTrans" cxnId="{23A88BCF-6F50-4759-BEA1-1598F23966E9}">
      <dgm:prSet/>
      <dgm:spPr/>
      <dgm:t>
        <a:bodyPr/>
        <a:lstStyle/>
        <a:p>
          <a:endParaRPr lang="zh-CN" altLang="en-US"/>
        </a:p>
      </dgm:t>
    </dgm:pt>
    <dgm:pt modelId="{3562CF0C-C124-485C-AFFB-175BDAFCF950}">
      <dgm:prSet phldrT="[文本]"/>
      <dgm:spPr/>
      <dgm:t>
        <a:bodyPr/>
        <a:lstStyle/>
        <a:p>
          <a:r>
            <a:rPr lang="en-US" altLang="zh-CN" dirty="0"/>
            <a:t>533</a:t>
          </a:r>
          <a:r>
            <a:rPr lang="zh-CN" altLang="en-US" dirty="0"/>
            <a:t>寝</a:t>
          </a:r>
          <a:endParaRPr lang="en-US" altLang="zh-CN" dirty="0"/>
        </a:p>
      </dgm:t>
    </dgm:pt>
    <dgm:pt modelId="{1646D64B-C6F3-4FE3-AA66-F7557DB6B8CA}" type="parTrans" cxnId="{9A8E28C9-B9B6-4B16-BB48-5384C8DFACF6}">
      <dgm:prSet/>
      <dgm:spPr/>
      <dgm:t>
        <a:bodyPr/>
        <a:lstStyle/>
        <a:p>
          <a:endParaRPr lang="zh-CN" altLang="en-US"/>
        </a:p>
      </dgm:t>
    </dgm:pt>
    <dgm:pt modelId="{5A0D9627-2D14-481D-8BBC-E1852D0E10D0}" type="sibTrans" cxnId="{9A8E28C9-B9B6-4B16-BB48-5384C8DFACF6}">
      <dgm:prSet/>
      <dgm:spPr/>
      <dgm:t>
        <a:bodyPr/>
        <a:lstStyle/>
        <a:p>
          <a:endParaRPr lang="zh-CN" altLang="en-US"/>
        </a:p>
      </dgm:t>
    </dgm:pt>
    <dgm:pt modelId="{03F3ECA5-CBCB-4986-B2AB-47A5C24EF5AA}">
      <dgm:prSet phldrT="[文本]"/>
      <dgm:spPr/>
      <dgm:t>
        <a:bodyPr/>
        <a:lstStyle/>
        <a:p>
          <a:r>
            <a:rPr lang="zh-CN" altLang="en-US" dirty="0"/>
            <a:t>一连</a:t>
          </a:r>
        </a:p>
      </dgm:t>
    </dgm:pt>
    <dgm:pt modelId="{0A095436-5F0C-457E-8CE7-D0E9EC1D9E28}" type="parTrans" cxnId="{742BB927-DDCE-43CE-AB46-60A15968671D}">
      <dgm:prSet/>
      <dgm:spPr/>
      <dgm:t>
        <a:bodyPr/>
        <a:lstStyle/>
        <a:p>
          <a:endParaRPr lang="zh-CN" altLang="en-US"/>
        </a:p>
      </dgm:t>
    </dgm:pt>
    <dgm:pt modelId="{97948FD1-046A-4391-AA4A-D5851BC00641}" type="sibTrans" cxnId="{742BB927-DDCE-43CE-AB46-60A15968671D}">
      <dgm:prSet/>
      <dgm:spPr/>
      <dgm:t>
        <a:bodyPr/>
        <a:lstStyle/>
        <a:p>
          <a:endParaRPr lang="zh-CN" altLang="en-US"/>
        </a:p>
      </dgm:t>
    </dgm:pt>
    <dgm:pt modelId="{FFC27EA5-172D-4295-8D5C-2D2DC78A9F59}">
      <dgm:prSet phldrT="[文本]"/>
      <dgm:spPr/>
      <dgm:t>
        <a:bodyPr/>
        <a:lstStyle/>
        <a:p>
          <a:r>
            <a:rPr lang="zh-CN" altLang="en-US" dirty="0"/>
            <a:t>一排</a:t>
          </a:r>
        </a:p>
      </dgm:t>
    </dgm:pt>
    <dgm:pt modelId="{7416B42B-AD05-4C20-BB4F-CC75613C7422}" type="parTrans" cxnId="{AE3105A0-605F-49F2-ADE9-2A703D54D2CC}">
      <dgm:prSet/>
      <dgm:spPr/>
      <dgm:t>
        <a:bodyPr/>
        <a:lstStyle/>
        <a:p>
          <a:endParaRPr lang="zh-CN" altLang="en-US"/>
        </a:p>
      </dgm:t>
    </dgm:pt>
    <dgm:pt modelId="{57F78A96-62C1-45CA-AF4F-1EB3518240A5}" type="sibTrans" cxnId="{AE3105A0-605F-49F2-ADE9-2A703D54D2CC}">
      <dgm:prSet/>
      <dgm:spPr/>
      <dgm:t>
        <a:bodyPr/>
        <a:lstStyle/>
        <a:p>
          <a:endParaRPr lang="zh-CN" altLang="en-US"/>
        </a:p>
      </dgm:t>
    </dgm:pt>
    <dgm:pt modelId="{74918B7F-6043-4BAC-9D01-F9C00427066C}">
      <dgm:prSet phldrT="[文本]"/>
      <dgm:spPr/>
      <dgm:t>
        <a:bodyPr/>
        <a:lstStyle/>
        <a:p>
          <a:r>
            <a:rPr lang="zh-CN" altLang="en-US" dirty="0"/>
            <a:t>二连</a:t>
          </a:r>
        </a:p>
      </dgm:t>
    </dgm:pt>
    <dgm:pt modelId="{999126CF-134D-45C2-B66C-9F2524BF24E9}" type="parTrans" cxnId="{F5E48B7C-D2FD-4EA1-AF27-A7D97A62B380}">
      <dgm:prSet/>
      <dgm:spPr/>
      <dgm:t>
        <a:bodyPr/>
        <a:lstStyle/>
        <a:p>
          <a:endParaRPr lang="zh-CN" altLang="en-US"/>
        </a:p>
      </dgm:t>
    </dgm:pt>
    <dgm:pt modelId="{3F64DF78-CE04-49EB-A3E4-096EBDF733AD}" type="sibTrans" cxnId="{F5E48B7C-D2FD-4EA1-AF27-A7D97A62B380}">
      <dgm:prSet/>
      <dgm:spPr/>
      <dgm:t>
        <a:bodyPr/>
        <a:lstStyle/>
        <a:p>
          <a:endParaRPr lang="zh-CN" altLang="en-US"/>
        </a:p>
      </dgm:t>
    </dgm:pt>
    <dgm:pt modelId="{ADCA41EA-95F0-4E0E-9D35-36DF96A7A968}">
      <dgm:prSet phldrT="[文本]"/>
      <dgm:spPr/>
      <dgm:t>
        <a:bodyPr/>
        <a:lstStyle/>
        <a:p>
          <a:r>
            <a:rPr lang="zh-CN" altLang="en-US" dirty="0"/>
            <a:t>。。。</a:t>
          </a:r>
        </a:p>
      </dgm:t>
    </dgm:pt>
    <dgm:pt modelId="{9E70DECE-B372-47C6-859D-31CC6BCFC271}" type="parTrans" cxnId="{3EC39B46-47A4-472F-B7AF-343579FA787F}">
      <dgm:prSet/>
      <dgm:spPr/>
      <dgm:t>
        <a:bodyPr/>
        <a:lstStyle/>
        <a:p>
          <a:endParaRPr lang="zh-CN" altLang="en-US"/>
        </a:p>
      </dgm:t>
    </dgm:pt>
    <dgm:pt modelId="{64051C33-C155-498C-A50B-150F1BC149B0}" type="sibTrans" cxnId="{3EC39B46-47A4-472F-B7AF-343579FA787F}">
      <dgm:prSet/>
      <dgm:spPr/>
      <dgm:t>
        <a:bodyPr/>
        <a:lstStyle/>
        <a:p>
          <a:endParaRPr lang="zh-CN" altLang="en-US"/>
        </a:p>
      </dgm:t>
    </dgm:pt>
    <dgm:pt modelId="{6653B196-B954-4C62-8597-32659198F82D}">
      <dgm:prSet phldrT="[文本]"/>
      <dgm:spPr/>
      <dgm:t>
        <a:bodyPr/>
        <a:lstStyle/>
        <a:p>
          <a:r>
            <a:rPr lang="en-US" altLang="zh-CN" dirty="0"/>
            <a:t>534</a:t>
          </a:r>
          <a:r>
            <a:rPr lang="zh-CN" altLang="en-US" dirty="0"/>
            <a:t>寝</a:t>
          </a:r>
          <a:endParaRPr lang="en-US" altLang="zh-CN" dirty="0"/>
        </a:p>
      </dgm:t>
    </dgm:pt>
    <dgm:pt modelId="{A1694040-8B8B-4E6A-BC91-9EC7D93F390B}" type="parTrans" cxnId="{C52DBF99-EF27-43CD-A8C7-AB269799C8A0}">
      <dgm:prSet/>
      <dgm:spPr/>
      <dgm:t>
        <a:bodyPr/>
        <a:lstStyle/>
        <a:p>
          <a:endParaRPr lang="zh-CN" altLang="en-US"/>
        </a:p>
      </dgm:t>
    </dgm:pt>
    <dgm:pt modelId="{B61502A9-AD8B-4CE8-8FAC-D00525C7C472}" type="sibTrans" cxnId="{C52DBF99-EF27-43CD-A8C7-AB269799C8A0}">
      <dgm:prSet/>
      <dgm:spPr/>
      <dgm:t>
        <a:bodyPr/>
        <a:lstStyle/>
        <a:p>
          <a:endParaRPr lang="zh-CN" altLang="en-US"/>
        </a:p>
      </dgm:t>
    </dgm:pt>
    <dgm:pt modelId="{D33CB51E-F5D0-4E65-A9D6-89234E819AC9}">
      <dgm:prSet phldrT="[文本]"/>
      <dgm:spPr/>
      <dgm:t>
        <a:bodyPr/>
        <a:lstStyle/>
        <a:p>
          <a:r>
            <a:rPr lang="zh-CN" altLang="en-US" dirty="0"/>
            <a:t>。。。</a:t>
          </a:r>
          <a:endParaRPr lang="en-US" altLang="zh-CN" dirty="0"/>
        </a:p>
      </dgm:t>
    </dgm:pt>
    <dgm:pt modelId="{6924945D-D106-43F6-94F6-4820D09D7D80}" type="parTrans" cxnId="{030A4A8E-EA2D-4600-9880-239201E9B3C1}">
      <dgm:prSet/>
      <dgm:spPr/>
      <dgm:t>
        <a:bodyPr/>
        <a:lstStyle/>
        <a:p>
          <a:endParaRPr lang="zh-CN" altLang="en-US"/>
        </a:p>
      </dgm:t>
    </dgm:pt>
    <dgm:pt modelId="{731E5985-0FAA-4343-80DF-6A1554205891}" type="sibTrans" cxnId="{030A4A8E-EA2D-4600-9880-239201E9B3C1}">
      <dgm:prSet/>
      <dgm:spPr/>
      <dgm:t>
        <a:bodyPr/>
        <a:lstStyle/>
        <a:p>
          <a:endParaRPr lang="zh-CN" altLang="en-US"/>
        </a:p>
      </dgm:t>
    </dgm:pt>
    <dgm:pt modelId="{B3DF82ED-D652-4A55-A5EA-BE4DB691D91C}" type="pres">
      <dgm:prSet presAssocID="{2A91E9DA-630F-4DD1-8D5C-A0AF8197768A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0AA3132D-72F7-4B7A-8D98-262CC2CB0963}" type="pres">
      <dgm:prSet presAssocID="{9F449C4D-8394-4889-BEE2-FDEC14BCD064}" presName="hierRoot1" presStyleCnt="0">
        <dgm:presLayoutVars>
          <dgm:hierBranch val="init"/>
        </dgm:presLayoutVars>
      </dgm:prSet>
      <dgm:spPr/>
    </dgm:pt>
    <dgm:pt modelId="{22A7F9A0-E837-4D7C-B778-C0C17D49BFF9}" type="pres">
      <dgm:prSet presAssocID="{9F449C4D-8394-4889-BEE2-FDEC14BCD064}" presName="rootComposite1" presStyleCnt="0"/>
      <dgm:spPr/>
    </dgm:pt>
    <dgm:pt modelId="{71F98D30-5E62-40CA-B150-6051697E2291}" type="pres">
      <dgm:prSet presAssocID="{9F449C4D-8394-4889-BEE2-FDEC14BCD064}" presName="rootText1" presStyleLbl="node0" presStyleIdx="0" presStyleCnt="1">
        <dgm:presLayoutVars>
          <dgm:chPref val="3"/>
        </dgm:presLayoutVars>
      </dgm:prSet>
      <dgm:spPr/>
    </dgm:pt>
    <dgm:pt modelId="{E368AAD4-EBFE-4116-8AC7-7F977EA0863A}" type="pres">
      <dgm:prSet presAssocID="{9F449C4D-8394-4889-BEE2-FDEC14BCD064}" presName="rootConnector1" presStyleLbl="node1" presStyleIdx="0" presStyleCnt="0"/>
      <dgm:spPr/>
    </dgm:pt>
    <dgm:pt modelId="{CA7F16C8-5D0C-474E-959F-9C80C60DA755}" type="pres">
      <dgm:prSet presAssocID="{9F449C4D-8394-4889-BEE2-FDEC14BCD064}" presName="hierChild2" presStyleCnt="0"/>
      <dgm:spPr/>
    </dgm:pt>
    <dgm:pt modelId="{FD9AB53A-ED68-4235-A653-D9D0E5BA107F}" type="pres">
      <dgm:prSet presAssocID="{E26A8032-1D76-4A66-9991-6390A18E6BFF}" presName="Name37" presStyleLbl="parChTrans1D2" presStyleIdx="0" presStyleCnt="4"/>
      <dgm:spPr/>
    </dgm:pt>
    <dgm:pt modelId="{257C3C50-77FA-4792-ABF1-8C818485175E}" type="pres">
      <dgm:prSet presAssocID="{5A52591A-6814-495A-81E9-E74F9341C2E7}" presName="hierRoot2" presStyleCnt="0">
        <dgm:presLayoutVars>
          <dgm:hierBranch val="init"/>
        </dgm:presLayoutVars>
      </dgm:prSet>
      <dgm:spPr/>
    </dgm:pt>
    <dgm:pt modelId="{5B0504DD-228A-4A93-A4F2-C83F96209673}" type="pres">
      <dgm:prSet presAssocID="{5A52591A-6814-495A-81E9-E74F9341C2E7}" presName="rootComposite" presStyleCnt="0"/>
      <dgm:spPr/>
    </dgm:pt>
    <dgm:pt modelId="{87D138E4-D482-4C7A-A0FD-D51A856FABD1}" type="pres">
      <dgm:prSet presAssocID="{5A52591A-6814-495A-81E9-E74F9341C2E7}" presName="rootText" presStyleLbl="node2" presStyleIdx="0" presStyleCnt="4">
        <dgm:presLayoutVars>
          <dgm:chPref val="3"/>
        </dgm:presLayoutVars>
      </dgm:prSet>
      <dgm:spPr/>
    </dgm:pt>
    <dgm:pt modelId="{381EA227-0AA1-4B3E-AEA7-BC64541EBE6B}" type="pres">
      <dgm:prSet presAssocID="{5A52591A-6814-495A-81E9-E74F9341C2E7}" presName="rootConnector" presStyleLbl="node2" presStyleIdx="0" presStyleCnt="4"/>
      <dgm:spPr/>
    </dgm:pt>
    <dgm:pt modelId="{5A0FCCDB-C926-478E-A8C7-3ACBB7075E4F}" type="pres">
      <dgm:prSet presAssocID="{5A52591A-6814-495A-81E9-E74F9341C2E7}" presName="hierChild4" presStyleCnt="0"/>
      <dgm:spPr/>
    </dgm:pt>
    <dgm:pt modelId="{428C6798-F864-4814-8C64-8AAB2AE4D35D}" type="pres">
      <dgm:prSet presAssocID="{5A52591A-6814-495A-81E9-E74F9341C2E7}" presName="hierChild5" presStyleCnt="0"/>
      <dgm:spPr/>
    </dgm:pt>
    <dgm:pt modelId="{744DCA96-5E30-435C-94BD-99D9A3567C58}" type="pres">
      <dgm:prSet presAssocID="{06F8ECFA-742C-47E2-AB96-C1661B0974C8}" presName="Name37" presStyleLbl="parChTrans1D2" presStyleIdx="1" presStyleCnt="4"/>
      <dgm:spPr/>
    </dgm:pt>
    <dgm:pt modelId="{40EE4001-A2D3-4E89-AFD3-6AB30B989482}" type="pres">
      <dgm:prSet presAssocID="{3F14397A-E4BB-467C-A062-ED5E5855510A}" presName="hierRoot2" presStyleCnt="0">
        <dgm:presLayoutVars>
          <dgm:hierBranch val="init"/>
        </dgm:presLayoutVars>
      </dgm:prSet>
      <dgm:spPr/>
    </dgm:pt>
    <dgm:pt modelId="{02880C11-0473-48B1-B345-2745255F4C2B}" type="pres">
      <dgm:prSet presAssocID="{3F14397A-E4BB-467C-A062-ED5E5855510A}" presName="rootComposite" presStyleCnt="0"/>
      <dgm:spPr/>
    </dgm:pt>
    <dgm:pt modelId="{3580F4F7-86F6-418C-850B-5C912A35D184}" type="pres">
      <dgm:prSet presAssocID="{3F14397A-E4BB-467C-A062-ED5E5855510A}" presName="rootText" presStyleLbl="node2" presStyleIdx="1" presStyleCnt="4">
        <dgm:presLayoutVars>
          <dgm:chPref val="3"/>
        </dgm:presLayoutVars>
      </dgm:prSet>
      <dgm:spPr/>
    </dgm:pt>
    <dgm:pt modelId="{78C1CFB4-BD5B-4E46-9625-8B6202F8D34E}" type="pres">
      <dgm:prSet presAssocID="{3F14397A-E4BB-467C-A062-ED5E5855510A}" presName="rootConnector" presStyleLbl="node2" presStyleIdx="1" presStyleCnt="4"/>
      <dgm:spPr/>
    </dgm:pt>
    <dgm:pt modelId="{C575C846-B120-4F8B-9597-CFC0F08DC976}" type="pres">
      <dgm:prSet presAssocID="{3F14397A-E4BB-467C-A062-ED5E5855510A}" presName="hierChild4" presStyleCnt="0"/>
      <dgm:spPr/>
    </dgm:pt>
    <dgm:pt modelId="{0C171B1D-AF2F-4BBB-BE9B-6FB0DB5EA5C2}" type="pres">
      <dgm:prSet presAssocID="{0A095436-5F0C-457E-8CE7-D0E9EC1D9E28}" presName="Name37" presStyleLbl="parChTrans1D3" presStyleIdx="0" presStyleCnt="3"/>
      <dgm:spPr/>
    </dgm:pt>
    <dgm:pt modelId="{49AC9396-3A0B-482D-BD38-40641C6227EA}" type="pres">
      <dgm:prSet presAssocID="{03F3ECA5-CBCB-4986-B2AB-47A5C24EF5AA}" presName="hierRoot2" presStyleCnt="0">
        <dgm:presLayoutVars>
          <dgm:hierBranch val="init"/>
        </dgm:presLayoutVars>
      </dgm:prSet>
      <dgm:spPr/>
    </dgm:pt>
    <dgm:pt modelId="{95BF1F88-42C3-4C42-8817-71B164D0EDD5}" type="pres">
      <dgm:prSet presAssocID="{03F3ECA5-CBCB-4986-B2AB-47A5C24EF5AA}" presName="rootComposite" presStyleCnt="0"/>
      <dgm:spPr/>
    </dgm:pt>
    <dgm:pt modelId="{48696375-5926-4CC8-9A1B-B788907E9AEB}" type="pres">
      <dgm:prSet presAssocID="{03F3ECA5-CBCB-4986-B2AB-47A5C24EF5AA}" presName="rootText" presStyleLbl="node3" presStyleIdx="0" presStyleCnt="3">
        <dgm:presLayoutVars>
          <dgm:chPref val="3"/>
        </dgm:presLayoutVars>
      </dgm:prSet>
      <dgm:spPr/>
    </dgm:pt>
    <dgm:pt modelId="{DE20C6B4-1AE5-41D9-B550-59D6862D6E3A}" type="pres">
      <dgm:prSet presAssocID="{03F3ECA5-CBCB-4986-B2AB-47A5C24EF5AA}" presName="rootConnector" presStyleLbl="node3" presStyleIdx="0" presStyleCnt="3"/>
      <dgm:spPr/>
    </dgm:pt>
    <dgm:pt modelId="{1E63E87E-8F92-4FF6-8A25-09FD2AC5E648}" type="pres">
      <dgm:prSet presAssocID="{03F3ECA5-CBCB-4986-B2AB-47A5C24EF5AA}" presName="hierChild4" presStyleCnt="0"/>
      <dgm:spPr/>
    </dgm:pt>
    <dgm:pt modelId="{CB7200A9-D967-4B30-9CC0-644D84152680}" type="pres">
      <dgm:prSet presAssocID="{03F3ECA5-CBCB-4986-B2AB-47A5C24EF5AA}" presName="hierChild5" presStyleCnt="0"/>
      <dgm:spPr/>
    </dgm:pt>
    <dgm:pt modelId="{BF825A2D-8054-4BF1-9C5D-8025932A81FA}" type="pres">
      <dgm:prSet presAssocID="{999126CF-134D-45C2-B66C-9F2524BF24E9}" presName="Name37" presStyleLbl="parChTrans1D3" presStyleIdx="1" presStyleCnt="3"/>
      <dgm:spPr/>
    </dgm:pt>
    <dgm:pt modelId="{BEE7C3A6-1497-42C2-A285-1B28E08287E3}" type="pres">
      <dgm:prSet presAssocID="{74918B7F-6043-4BAC-9D01-F9C00427066C}" presName="hierRoot2" presStyleCnt="0">
        <dgm:presLayoutVars>
          <dgm:hierBranch val="init"/>
        </dgm:presLayoutVars>
      </dgm:prSet>
      <dgm:spPr/>
    </dgm:pt>
    <dgm:pt modelId="{E364CDF3-0016-4B31-9817-C5982054E1D3}" type="pres">
      <dgm:prSet presAssocID="{74918B7F-6043-4BAC-9D01-F9C00427066C}" presName="rootComposite" presStyleCnt="0"/>
      <dgm:spPr/>
    </dgm:pt>
    <dgm:pt modelId="{742D0DDE-AAFD-4747-8052-C72BE9CC0235}" type="pres">
      <dgm:prSet presAssocID="{74918B7F-6043-4BAC-9D01-F9C00427066C}" presName="rootText" presStyleLbl="node3" presStyleIdx="1" presStyleCnt="3">
        <dgm:presLayoutVars>
          <dgm:chPref val="3"/>
        </dgm:presLayoutVars>
      </dgm:prSet>
      <dgm:spPr/>
    </dgm:pt>
    <dgm:pt modelId="{B621D897-ABBD-4AB0-B42A-DCEF02EC79B2}" type="pres">
      <dgm:prSet presAssocID="{74918B7F-6043-4BAC-9D01-F9C00427066C}" presName="rootConnector" presStyleLbl="node3" presStyleIdx="1" presStyleCnt="3"/>
      <dgm:spPr/>
    </dgm:pt>
    <dgm:pt modelId="{925C4799-9A19-417B-90DC-AC0DF6461F8D}" type="pres">
      <dgm:prSet presAssocID="{74918B7F-6043-4BAC-9D01-F9C00427066C}" presName="hierChild4" presStyleCnt="0"/>
      <dgm:spPr/>
    </dgm:pt>
    <dgm:pt modelId="{19A9E873-F625-4CF6-A22A-E56E3B7F91D0}" type="pres">
      <dgm:prSet presAssocID="{7416B42B-AD05-4C20-BB4F-CC75613C7422}" presName="Name37" presStyleLbl="parChTrans1D4" presStyleIdx="0" presStyleCnt="6"/>
      <dgm:spPr/>
    </dgm:pt>
    <dgm:pt modelId="{A1296862-A0F1-4D02-8383-D24BA3DE7FBD}" type="pres">
      <dgm:prSet presAssocID="{FFC27EA5-172D-4295-8D5C-2D2DC78A9F59}" presName="hierRoot2" presStyleCnt="0">
        <dgm:presLayoutVars>
          <dgm:hierBranch val="init"/>
        </dgm:presLayoutVars>
      </dgm:prSet>
      <dgm:spPr/>
    </dgm:pt>
    <dgm:pt modelId="{4982E4C9-3D54-4D19-8C38-3455355DD98F}" type="pres">
      <dgm:prSet presAssocID="{FFC27EA5-172D-4295-8D5C-2D2DC78A9F59}" presName="rootComposite" presStyleCnt="0"/>
      <dgm:spPr/>
    </dgm:pt>
    <dgm:pt modelId="{198C57EF-8DB5-44FB-AB2F-FD0EB1D6D9A3}" type="pres">
      <dgm:prSet presAssocID="{FFC27EA5-172D-4295-8D5C-2D2DC78A9F59}" presName="rootText" presStyleLbl="node4" presStyleIdx="0" presStyleCnt="6">
        <dgm:presLayoutVars>
          <dgm:chPref val="3"/>
        </dgm:presLayoutVars>
      </dgm:prSet>
      <dgm:spPr/>
    </dgm:pt>
    <dgm:pt modelId="{85EAC3B2-B210-4171-BF1E-2CD388379ADB}" type="pres">
      <dgm:prSet presAssocID="{FFC27EA5-172D-4295-8D5C-2D2DC78A9F59}" presName="rootConnector" presStyleLbl="node4" presStyleIdx="0" presStyleCnt="6"/>
      <dgm:spPr/>
    </dgm:pt>
    <dgm:pt modelId="{C8A71ADD-24BD-4009-A7B0-98DABB77EE1A}" type="pres">
      <dgm:prSet presAssocID="{FFC27EA5-172D-4295-8D5C-2D2DC78A9F59}" presName="hierChild4" presStyleCnt="0"/>
      <dgm:spPr/>
    </dgm:pt>
    <dgm:pt modelId="{9C3A6E30-1F04-4136-8787-73B2EB8F3DE7}" type="pres">
      <dgm:prSet presAssocID="{1646D64B-C6F3-4FE3-AA66-F7557DB6B8CA}" presName="Name37" presStyleLbl="parChTrans1D4" presStyleIdx="1" presStyleCnt="6"/>
      <dgm:spPr/>
    </dgm:pt>
    <dgm:pt modelId="{5DE2DCD3-8C16-4396-83F2-A66BB2B31339}" type="pres">
      <dgm:prSet presAssocID="{3562CF0C-C124-485C-AFFB-175BDAFCF950}" presName="hierRoot2" presStyleCnt="0">
        <dgm:presLayoutVars>
          <dgm:hierBranch val="init"/>
        </dgm:presLayoutVars>
      </dgm:prSet>
      <dgm:spPr/>
    </dgm:pt>
    <dgm:pt modelId="{36583678-B91C-4575-A9BD-4A5387C94521}" type="pres">
      <dgm:prSet presAssocID="{3562CF0C-C124-485C-AFFB-175BDAFCF950}" presName="rootComposite" presStyleCnt="0"/>
      <dgm:spPr/>
    </dgm:pt>
    <dgm:pt modelId="{52094121-5735-4717-A750-53E070EEE078}" type="pres">
      <dgm:prSet presAssocID="{3562CF0C-C124-485C-AFFB-175BDAFCF950}" presName="rootText" presStyleLbl="node4" presStyleIdx="1" presStyleCnt="6">
        <dgm:presLayoutVars>
          <dgm:chPref val="3"/>
        </dgm:presLayoutVars>
      </dgm:prSet>
      <dgm:spPr/>
    </dgm:pt>
    <dgm:pt modelId="{995080D3-4796-41D4-94DB-E2C90B52DDF0}" type="pres">
      <dgm:prSet presAssocID="{3562CF0C-C124-485C-AFFB-175BDAFCF950}" presName="rootConnector" presStyleLbl="node4" presStyleIdx="1" presStyleCnt="6"/>
      <dgm:spPr/>
    </dgm:pt>
    <dgm:pt modelId="{EC1EF9FB-02AA-4B5E-969A-36C8A4B9CC6F}" type="pres">
      <dgm:prSet presAssocID="{3562CF0C-C124-485C-AFFB-175BDAFCF950}" presName="hierChild4" presStyleCnt="0"/>
      <dgm:spPr/>
    </dgm:pt>
    <dgm:pt modelId="{BCFD39C6-3416-42B4-B894-C64A877719F4}" type="pres">
      <dgm:prSet presAssocID="{3562CF0C-C124-485C-AFFB-175BDAFCF950}" presName="hierChild5" presStyleCnt="0"/>
      <dgm:spPr/>
    </dgm:pt>
    <dgm:pt modelId="{AA127705-9794-4020-8834-08F077B3603E}" type="pres">
      <dgm:prSet presAssocID="{A1694040-8B8B-4E6A-BC91-9EC7D93F390B}" presName="Name37" presStyleLbl="parChTrans1D4" presStyleIdx="2" presStyleCnt="6"/>
      <dgm:spPr/>
    </dgm:pt>
    <dgm:pt modelId="{8D3B81EE-CD84-4A10-B11D-4403362C75FC}" type="pres">
      <dgm:prSet presAssocID="{6653B196-B954-4C62-8597-32659198F82D}" presName="hierRoot2" presStyleCnt="0">
        <dgm:presLayoutVars>
          <dgm:hierBranch val="init"/>
        </dgm:presLayoutVars>
      </dgm:prSet>
      <dgm:spPr/>
    </dgm:pt>
    <dgm:pt modelId="{78084B42-D2F6-4DCA-AA25-80257F8205C8}" type="pres">
      <dgm:prSet presAssocID="{6653B196-B954-4C62-8597-32659198F82D}" presName="rootComposite" presStyleCnt="0"/>
      <dgm:spPr/>
    </dgm:pt>
    <dgm:pt modelId="{C4771029-8CA7-475A-BC21-E06415D612CA}" type="pres">
      <dgm:prSet presAssocID="{6653B196-B954-4C62-8597-32659198F82D}" presName="rootText" presStyleLbl="node4" presStyleIdx="2" presStyleCnt="6">
        <dgm:presLayoutVars>
          <dgm:chPref val="3"/>
        </dgm:presLayoutVars>
      </dgm:prSet>
      <dgm:spPr/>
    </dgm:pt>
    <dgm:pt modelId="{EDA4A4CD-F801-4958-9120-3E27BDA0DB91}" type="pres">
      <dgm:prSet presAssocID="{6653B196-B954-4C62-8597-32659198F82D}" presName="rootConnector" presStyleLbl="node4" presStyleIdx="2" presStyleCnt="6"/>
      <dgm:spPr/>
    </dgm:pt>
    <dgm:pt modelId="{2A3934A0-54DF-4DD0-8F2E-AE3D1C716BFE}" type="pres">
      <dgm:prSet presAssocID="{6653B196-B954-4C62-8597-32659198F82D}" presName="hierChild4" presStyleCnt="0"/>
      <dgm:spPr/>
    </dgm:pt>
    <dgm:pt modelId="{D6FE780F-5727-469E-AC3C-8F139C6AE423}" type="pres">
      <dgm:prSet presAssocID="{6653B196-B954-4C62-8597-32659198F82D}" presName="hierChild5" presStyleCnt="0"/>
      <dgm:spPr/>
    </dgm:pt>
    <dgm:pt modelId="{687AF85D-A4E3-4F5A-97A1-941BE4443E8D}" type="pres">
      <dgm:prSet presAssocID="{6924945D-D106-43F6-94F6-4820D09D7D80}" presName="Name37" presStyleLbl="parChTrans1D4" presStyleIdx="3" presStyleCnt="6"/>
      <dgm:spPr/>
    </dgm:pt>
    <dgm:pt modelId="{1C3FFDE5-0D4D-450D-9C48-1EBD25C6AE0C}" type="pres">
      <dgm:prSet presAssocID="{D33CB51E-F5D0-4E65-A9D6-89234E819AC9}" presName="hierRoot2" presStyleCnt="0">
        <dgm:presLayoutVars>
          <dgm:hierBranch val="init"/>
        </dgm:presLayoutVars>
      </dgm:prSet>
      <dgm:spPr/>
    </dgm:pt>
    <dgm:pt modelId="{290238D3-AB31-44F0-B910-D51203C8879F}" type="pres">
      <dgm:prSet presAssocID="{D33CB51E-F5D0-4E65-A9D6-89234E819AC9}" presName="rootComposite" presStyleCnt="0"/>
      <dgm:spPr/>
    </dgm:pt>
    <dgm:pt modelId="{D03DFC88-490E-4F45-B1D4-1AF0FA680981}" type="pres">
      <dgm:prSet presAssocID="{D33CB51E-F5D0-4E65-A9D6-89234E819AC9}" presName="rootText" presStyleLbl="node4" presStyleIdx="3" presStyleCnt="6">
        <dgm:presLayoutVars>
          <dgm:chPref val="3"/>
        </dgm:presLayoutVars>
      </dgm:prSet>
      <dgm:spPr/>
    </dgm:pt>
    <dgm:pt modelId="{1191D31A-41FC-4747-BA1F-00B81B56466C}" type="pres">
      <dgm:prSet presAssocID="{D33CB51E-F5D0-4E65-A9D6-89234E819AC9}" presName="rootConnector" presStyleLbl="node4" presStyleIdx="3" presStyleCnt="6"/>
      <dgm:spPr/>
    </dgm:pt>
    <dgm:pt modelId="{B21B95C4-3975-4376-A69C-5003EFE895F1}" type="pres">
      <dgm:prSet presAssocID="{D33CB51E-F5D0-4E65-A9D6-89234E819AC9}" presName="hierChild4" presStyleCnt="0"/>
      <dgm:spPr/>
    </dgm:pt>
    <dgm:pt modelId="{C2594071-DEF6-40FB-8129-29DD3FB30BD4}" type="pres">
      <dgm:prSet presAssocID="{D33CB51E-F5D0-4E65-A9D6-89234E819AC9}" presName="hierChild5" presStyleCnt="0"/>
      <dgm:spPr/>
    </dgm:pt>
    <dgm:pt modelId="{3A0906F2-DADE-4F7B-A202-8614157B026B}" type="pres">
      <dgm:prSet presAssocID="{FFC27EA5-172D-4295-8D5C-2D2DC78A9F59}" presName="hierChild5" presStyleCnt="0"/>
      <dgm:spPr/>
    </dgm:pt>
    <dgm:pt modelId="{287F9125-D126-4791-BCA6-4EE1D7ADF3C6}" type="pres">
      <dgm:prSet presAssocID="{85E750D6-8618-4699-A902-064CD9CFB885}" presName="Name37" presStyleLbl="parChTrans1D4" presStyleIdx="4" presStyleCnt="6"/>
      <dgm:spPr/>
    </dgm:pt>
    <dgm:pt modelId="{4942D8E3-7B38-4609-8D26-0165D6C988DF}" type="pres">
      <dgm:prSet presAssocID="{643951E3-8631-42E4-B1FF-D9B906E876AF}" presName="hierRoot2" presStyleCnt="0">
        <dgm:presLayoutVars>
          <dgm:hierBranch val="init"/>
        </dgm:presLayoutVars>
      </dgm:prSet>
      <dgm:spPr/>
    </dgm:pt>
    <dgm:pt modelId="{92492353-CCDB-49D9-864B-CBDFF146157C}" type="pres">
      <dgm:prSet presAssocID="{643951E3-8631-42E4-B1FF-D9B906E876AF}" presName="rootComposite" presStyleCnt="0"/>
      <dgm:spPr/>
    </dgm:pt>
    <dgm:pt modelId="{2739ABE5-9717-4FBA-BB04-896187F3B1D7}" type="pres">
      <dgm:prSet presAssocID="{643951E3-8631-42E4-B1FF-D9B906E876AF}" presName="rootText" presStyleLbl="node4" presStyleIdx="4" presStyleCnt="6">
        <dgm:presLayoutVars>
          <dgm:chPref val="3"/>
        </dgm:presLayoutVars>
      </dgm:prSet>
      <dgm:spPr/>
    </dgm:pt>
    <dgm:pt modelId="{D1E13A27-DEC3-4453-A4B4-1EFA6E87E5B4}" type="pres">
      <dgm:prSet presAssocID="{643951E3-8631-42E4-B1FF-D9B906E876AF}" presName="rootConnector" presStyleLbl="node4" presStyleIdx="4" presStyleCnt="6"/>
      <dgm:spPr/>
    </dgm:pt>
    <dgm:pt modelId="{54022C7C-4151-42EF-A9A3-47E82DEB99F3}" type="pres">
      <dgm:prSet presAssocID="{643951E3-8631-42E4-B1FF-D9B906E876AF}" presName="hierChild4" presStyleCnt="0"/>
      <dgm:spPr/>
    </dgm:pt>
    <dgm:pt modelId="{B0C9D833-0C9B-4729-B08D-50D3CAB6A904}" type="pres">
      <dgm:prSet presAssocID="{643951E3-8631-42E4-B1FF-D9B906E876AF}" presName="hierChild5" presStyleCnt="0"/>
      <dgm:spPr/>
    </dgm:pt>
    <dgm:pt modelId="{AA31A47A-DA9E-4A90-93BD-6A646CF22F93}" type="pres">
      <dgm:prSet presAssocID="{9E70DECE-B372-47C6-859D-31CC6BCFC271}" presName="Name37" presStyleLbl="parChTrans1D4" presStyleIdx="5" presStyleCnt="6"/>
      <dgm:spPr/>
    </dgm:pt>
    <dgm:pt modelId="{5566B106-CEDC-43C5-9EF6-8D9490BB0C51}" type="pres">
      <dgm:prSet presAssocID="{ADCA41EA-95F0-4E0E-9D35-36DF96A7A968}" presName="hierRoot2" presStyleCnt="0">
        <dgm:presLayoutVars>
          <dgm:hierBranch val="init"/>
        </dgm:presLayoutVars>
      </dgm:prSet>
      <dgm:spPr/>
    </dgm:pt>
    <dgm:pt modelId="{9E8A74B8-4BBC-4D41-85B2-E3C2DD5D6C9D}" type="pres">
      <dgm:prSet presAssocID="{ADCA41EA-95F0-4E0E-9D35-36DF96A7A968}" presName="rootComposite" presStyleCnt="0"/>
      <dgm:spPr/>
    </dgm:pt>
    <dgm:pt modelId="{8E0474C2-1F47-4067-BA80-977E6E470F20}" type="pres">
      <dgm:prSet presAssocID="{ADCA41EA-95F0-4E0E-9D35-36DF96A7A968}" presName="rootText" presStyleLbl="node4" presStyleIdx="5" presStyleCnt="6">
        <dgm:presLayoutVars>
          <dgm:chPref val="3"/>
        </dgm:presLayoutVars>
      </dgm:prSet>
      <dgm:spPr/>
    </dgm:pt>
    <dgm:pt modelId="{053362A9-70A0-46E5-86D0-E5A58A244CAE}" type="pres">
      <dgm:prSet presAssocID="{ADCA41EA-95F0-4E0E-9D35-36DF96A7A968}" presName="rootConnector" presStyleLbl="node4" presStyleIdx="5" presStyleCnt="6"/>
      <dgm:spPr/>
    </dgm:pt>
    <dgm:pt modelId="{28629E5C-2831-4B29-849A-2D3BE205F3BD}" type="pres">
      <dgm:prSet presAssocID="{ADCA41EA-95F0-4E0E-9D35-36DF96A7A968}" presName="hierChild4" presStyleCnt="0"/>
      <dgm:spPr/>
    </dgm:pt>
    <dgm:pt modelId="{001809EF-8517-4A28-B774-6A3A46532D04}" type="pres">
      <dgm:prSet presAssocID="{ADCA41EA-95F0-4E0E-9D35-36DF96A7A968}" presName="hierChild5" presStyleCnt="0"/>
      <dgm:spPr/>
    </dgm:pt>
    <dgm:pt modelId="{55D24CE4-4F68-472B-86F9-3FBC3F6B3D5F}" type="pres">
      <dgm:prSet presAssocID="{74918B7F-6043-4BAC-9D01-F9C00427066C}" presName="hierChild5" presStyleCnt="0"/>
      <dgm:spPr/>
    </dgm:pt>
    <dgm:pt modelId="{9D33D6CD-B25B-41A4-BB02-168EE1114F95}" type="pres">
      <dgm:prSet presAssocID="{DBEF966C-72C8-4F35-B74E-BFEEFD69EBA7}" presName="Name37" presStyleLbl="parChTrans1D3" presStyleIdx="2" presStyleCnt="3"/>
      <dgm:spPr/>
    </dgm:pt>
    <dgm:pt modelId="{E80ADFFF-A0A9-4EFD-8FF3-6FD0B1A6FF3E}" type="pres">
      <dgm:prSet presAssocID="{D52CA700-0366-4B42-BD41-38A0D566CDC6}" presName="hierRoot2" presStyleCnt="0">
        <dgm:presLayoutVars>
          <dgm:hierBranch val="init"/>
        </dgm:presLayoutVars>
      </dgm:prSet>
      <dgm:spPr/>
    </dgm:pt>
    <dgm:pt modelId="{024AAFBC-A622-4E66-A9DD-07C065DF4C0E}" type="pres">
      <dgm:prSet presAssocID="{D52CA700-0366-4B42-BD41-38A0D566CDC6}" presName="rootComposite" presStyleCnt="0"/>
      <dgm:spPr/>
    </dgm:pt>
    <dgm:pt modelId="{BE111270-85F9-4934-83C5-95DC713BC911}" type="pres">
      <dgm:prSet presAssocID="{D52CA700-0366-4B42-BD41-38A0D566CDC6}" presName="rootText" presStyleLbl="node3" presStyleIdx="2" presStyleCnt="3">
        <dgm:presLayoutVars>
          <dgm:chPref val="3"/>
        </dgm:presLayoutVars>
      </dgm:prSet>
      <dgm:spPr/>
    </dgm:pt>
    <dgm:pt modelId="{8A8275CC-2760-4F95-81A4-621EA513FE5A}" type="pres">
      <dgm:prSet presAssocID="{D52CA700-0366-4B42-BD41-38A0D566CDC6}" presName="rootConnector" presStyleLbl="node3" presStyleIdx="2" presStyleCnt="3"/>
      <dgm:spPr/>
    </dgm:pt>
    <dgm:pt modelId="{641038B2-724E-467B-B98A-D12E9F0903AF}" type="pres">
      <dgm:prSet presAssocID="{D52CA700-0366-4B42-BD41-38A0D566CDC6}" presName="hierChild4" presStyleCnt="0"/>
      <dgm:spPr/>
    </dgm:pt>
    <dgm:pt modelId="{CFBE2273-448C-4205-AA7D-46CBBFC80178}" type="pres">
      <dgm:prSet presAssocID="{D52CA700-0366-4B42-BD41-38A0D566CDC6}" presName="hierChild5" presStyleCnt="0"/>
      <dgm:spPr/>
    </dgm:pt>
    <dgm:pt modelId="{843A6DA6-3B75-4517-B1F1-22ED60013230}" type="pres">
      <dgm:prSet presAssocID="{3F14397A-E4BB-467C-A062-ED5E5855510A}" presName="hierChild5" presStyleCnt="0"/>
      <dgm:spPr/>
    </dgm:pt>
    <dgm:pt modelId="{415588BF-83D8-4997-97E5-3478774536A3}" type="pres">
      <dgm:prSet presAssocID="{F1E4A801-EC7D-4DDA-8B9B-8A5A34195E7D}" presName="Name37" presStyleLbl="parChTrans1D2" presStyleIdx="2" presStyleCnt="4"/>
      <dgm:spPr/>
    </dgm:pt>
    <dgm:pt modelId="{EAF5388D-3AE3-4963-8F7B-B3D169092E26}" type="pres">
      <dgm:prSet presAssocID="{9C99DF64-C8E2-426C-A0AA-1DB5716ED694}" presName="hierRoot2" presStyleCnt="0">
        <dgm:presLayoutVars>
          <dgm:hierBranch val="init"/>
        </dgm:presLayoutVars>
      </dgm:prSet>
      <dgm:spPr/>
    </dgm:pt>
    <dgm:pt modelId="{60040A51-97C4-431D-AF4D-FF71CFEB215F}" type="pres">
      <dgm:prSet presAssocID="{9C99DF64-C8E2-426C-A0AA-1DB5716ED694}" presName="rootComposite" presStyleCnt="0"/>
      <dgm:spPr/>
    </dgm:pt>
    <dgm:pt modelId="{53D2D599-85DE-491D-9AD3-7486BF6B9A01}" type="pres">
      <dgm:prSet presAssocID="{9C99DF64-C8E2-426C-A0AA-1DB5716ED694}" presName="rootText" presStyleLbl="node2" presStyleIdx="2" presStyleCnt="4">
        <dgm:presLayoutVars>
          <dgm:chPref val="3"/>
        </dgm:presLayoutVars>
      </dgm:prSet>
      <dgm:spPr/>
    </dgm:pt>
    <dgm:pt modelId="{30226B11-BCE1-40FA-B3B1-F26315F7AD05}" type="pres">
      <dgm:prSet presAssocID="{9C99DF64-C8E2-426C-A0AA-1DB5716ED694}" presName="rootConnector" presStyleLbl="node2" presStyleIdx="2" presStyleCnt="4"/>
      <dgm:spPr/>
    </dgm:pt>
    <dgm:pt modelId="{DFE25B61-9D57-4AF6-A9A8-7CB73052B929}" type="pres">
      <dgm:prSet presAssocID="{9C99DF64-C8E2-426C-A0AA-1DB5716ED694}" presName="hierChild4" presStyleCnt="0"/>
      <dgm:spPr/>
    </dgm:pt>
    <dgm:pt modelId="{A35DB468-5D8E-40BC-AB98-7F619439894D}" type="pres">
      <dgm:prSet presAssocID="{9C99DF64-C8E2-426C-A0AA-1DB5716ED694}" presName="hierChild5" presStyleCnt="0"/>
      <dgm:spPr/>
    </dgm:pt>
    <dgm:pt modelId="{50C0B400-CC10-4BBB-92E1-D455BBD71271}" type="pres">
      <dgm:prSet presAssocID="{5FDCA80A-414E-413C-B835-91590092ECFE}" presName="Name37" presStyleLbl="parChTrans1D2" presStyleIdx="3" presStyleCnt="4"/>
      <dgm:spPr/>
    </dgm:pt>
    <dgm:pt modelId="{94F2DA45-41BB-4FAF-87B2-F7790A56CBEB}" type="pres">
      <dgm:prSet presAssocID="{9FA68001-E314-43D4-BBDF-2846705A66B4}" presName="hierRoot2" presStyleCnt="0">
        <dgm:presLayoutVars>
          <dgm:hierBranch val="init"/>
        </dgm:presLayoutVars>
      </dgm:prSet>
      <dgm:spPr/>
    </dgm:pt>
    <dgm:pt modelId="{03D478D6-06BD-469E-B0C7-D1A398614207}" type="pres">
      <dgm:prSet presAssocID="{9FA68001-E314-43D4-BBDF-2846705A66B4}" presName="rootComposite" presStyleCnt="0"/>
      <dgm:spPr/>
    </dgm:pt>
    <dgm:pt modelId="{9A75B79A-F16E-4583-8D47-6847D8D1D435}" type="pres">
      <dgm:prSet presAssocID="{9FA68001-E314-43D4-BBDF-2846705A66B4}" presName="rootText" presStyleLbl="node2" presStyleIdx="3" presStyleCnt="4">
        <dgm:presLayoutVars>
          <dgm:chPref val="3"/>
        </dgm:presLayoutVars>
      </dgm:prSet>
      <dgm:spPr/>
    </dgm:pt>
    <dgm:pt modelId="{DE8B9439-6449-4B6A-959F-BB7E9556E2E3}" type="pres">
      <dgm:prSet presAssocID="{9FA68001-E314-43D4-BBDF-2846705A66B4}" presName="rootConnector" presStyleLbl="node2" presStyleIdx="3" presStyleCnt="4"/>
      <dgm:spPr/>
    </dgm:pt>
    <dgm:pt modelId="{5C05DCBB-A945-4D2C-9D35-110E3CA8F16B}" type="pres">
      <dgm:prSet presAssocID="{9FA68001-E314-43D4-BBDF-2846705A66B4}" presName="hierChild4" presStyleCnt="0"/>
      <dgm:spPr/>
    </dgm:pt>
    <dgm:pt modelId="{34B2DA4E-A5B8-4619-8FA5-5C1BD5F76C0B}" type="pres">
      <dgm:prSet presAssocID="{9FA68001-E314-43D4-BBDF-2846705A66B4}" presName="hierChild5" presStyleCnt="0"/>
      <dgm:spPr/>
    </dgm:pt>
    <dgm:pt modelId="{347F17FC-AC78-4BF5-A372-636B4BAA576A}" type="pres">
      <dgm:prSet presAssocID="{9F449C4D-8394-4889-BEE2-FDEC14BCD064}" presName="hierChild3" presStyleCnt="0"/>
      <dgm:spPr/>
    </dgm:pt>
  </dgm:ptLst>
  <dgm:cxnLst>
    <dgm:cxn modelId="{5BD255E7-5250-4370-B3D5-2D3496DCB51C}" type="presOf" srcId="{06F8ECFA-742C-47E2-AB96-C1661B0974C8}" destId="{744DCA96-5E30-435C-94BD-99D9A3567C58}" srcOrd="0" destOrd="0" presId="urn:microsoft.com/office/officeart/2005/8/layout/orgChart1"/>
    <dgm:cxn modelId="{589CE4E8-CB8B-4345-BDE5-416C27463752}" type="presOf" srcId="{FFC27EA5-172D-4295-8D5C-2D2DC78A9F59}" destId="{85EAC3B2-B210-4171-BF1E-2CD388379ADB}" srcOrd="1" destOrd="0" presId="urn:microsoft.com/office/officeart/2005/8/layout/orgChart1"/>
    <dgm:cxn modelId="{1AECAA5D-F17F-4BE9-ADD8-7AC9532AA4C4}" type="presOf" srcId="{5FDCA80A-414E-413C-B835-91590092ECFE}" destId="{50C0B400-CC10-4BBB-92E1-D455BBD71271}" srcOrd="0" destOrd="0" presId="urn:microsoft.com/office/officeart/2005/8/layout/orgChart1"/>
    <dgm:cxn modelId="{0F13C15A-2187-4FA9-A501-D849DE17F980}" type="presOf" srcId="{9C99DF64-C8E2-426C-A0AA-1DB5716ED694}" destId="{53D2D599-85DE-491D-9AD3-7486BF6B9A01}" srcOrd="0" destOrd="0" presId="urn:microsoft.com/office/officeart/2005/8/layout/orgChart1"/>
    <dgm:cxn modelId="{C8965030-52D1-4954-AAB2-5A2D7BBBABEE}" srcId="{9F449C4D-8394-4889-BEE2-FDEC14BCD064}" destId="{5A52591A-6814-495A-81E9-E74F9341C2E7}" srcOrd="0" destOrd="0" parTransId="{E26A8032-1D76-4A66-9991-6390A18E6BFF}" sibTransId="{CBD22072-404E-470D-88FB-D24F0EB2B5B2}"/>
    <dgm:cxn modelId="{629037C0-93A6-4559-93F5-9BC5E4637886}" type="presOf" srcId="{74918B7F-6043-4BAC-9D01-F9C00427066C}" destId="{742D0DDE-AAFD-4747-8052-C72BE9CC0235}" srcOrd="0" destOrd="0" presId="urn:microsoft.com/office/officeart/2005/8/layout/orgChart1"/>
    <dgm:cxn modelId="{B523A6EF-96C1-42B2-8885-9C17F950A845}" type="presOf" srcId="{3F14397A-E4BB-467C-A062-ED5E5855510A}" destId="{3580F4F7-86F6-418C-850B-5C912A35D184}" srcOrd="0" destOrd="0" presId="urn:microsoft.com/office/officeart/2005/8/layout/orgChart1"/>
    <dgm:cxn modelId="{1CA8FC29-4B53-428D-AC07-6457FEB7F051}" type="presOf" srcId="{6653B196-B954-4C62-8597-32659198F82D}" destId="{EDA4A4CD-F801-4958-9120-3E27BDA0DB91}" srcOrd="1" destOrd="0" presId="urn:microsoft.com/office/officeart/2005/8/layout/orgChart1"/>
    <dgm:cxn modelId="{16D25231-EA23-4246-873A-6F624BB442BE}" type="presOf" srcId="{D52CA700-0366-4B42-BD41-38A0D566CDC6}" destId="{BE111270-85F9-4934-83C5-95DC713BC911}" srcOrd="0" destOrd="0" presId="urn:microsoft.com/office/officeart/2005/8/layout/orgChart1"/>
    <dgm:cxn modelId="{742BB927-DDCE-43CE-AB46-60A15968671D}" srcId="{3F14397A-E4BB-467C-A062-ED5E5855510A}" destId="{03F3ECA5-CBCB-4986-B2AB-47A5C24EF5AA}" srcOrd="0" destOrd="0" parTransId="{0A095436-5F0C-457E-8CE7-D0E9EC1D9E28}" sibTransId="{97948FD1-046A-4391-AA4A-D5851BC00641}"/>
    <dgm:cxn modelId="{D1E6A927-58F0-49AC-80C5-4C6597419399}" type="presOf" srcId="{9E70DECE-B372-47C6-859D-31CC6BCFC271}" destId="{AA31A47A-DA9E-4A90-93BD-6A646CF22F93}" srcOrd="0" destOrd="0" presId="urn:microsoft.com/office/officeart/2005/8/layout/orgChart1"/>
    <dgm:cxn modelId="{23A88BCF-6F50-4759-BEA1-1598F23966E9}" srcId="{3F14397A-E4BB-467C-A062-ED5E5855510A}" destId="{D52CA700-0366-4B42-BD41-38A0D566CDC6}" srcOrd="2" destOrd="0" parTransId="{DBEF966C-72C8-4F35-B74E-BFEEFD69EBA7}" sibTransId="{0B45EBAB-B2A8-4D88-9473-7C910A1EA8E6}"/>
    <dgm:cxn modelId="{AE3105A0-605F-49F2-ADE9-2A703D54D2CC}" srcId="{74918B7F-6043-4BAC-9D01-F9C00427066C}" destId="{FFC27EA5-172D-4295-8D5C-2D2DC78A9F59}" srcOrd="0" destOrd="0" parTransId="{7416B42B-AD05-4C20-BB4F-CC75613C7422}" sibTransId="{57F78A96-62C1-45CA-AF4F-1EB3518240A5}"/>
    <dgm:cxn modelId="{A5FE6CA9-F7D5-4D37-8B46-EC318B9F0105}" type="presOf" srcId="{5A52591A-6814-495A-81E9-E74F9341C2E7}" destId="{381EA227-0AA1-4B3E-AEA7-BC64541EBE6B}" srcOrd="1" destOrd="0" presId="urn:microsoft.com/office/officeart/2005/8/layout/orgChart1"/>
    <dgm:cxn modelId="{F270D4F3-37FC-43A9-8104-AEF965E0168D}" type="presOf" srcId="{ADCA41EA-95F0-4E0E-9D35-36DF96A7A968}" destId="{8E0474C2-1F47-4067-BA80-977E6E470F20}" srcOrd="0" destOrd="0" presId="urn:microsoft.com/office/officeart/2005/8/layout/orgChart1"/>
    <dgm:cxn modelId="{D03364A6-C8B9-44C8-84D1-BB31B5536C7A}" srcId="{9F449C4D-8394-4889-BEE2-FDEC14BCD064}" destId="{3F14397A-E4BB-467C-A062-ED5E5855510A}" srcOrd="1" destOrd="0" parTransId="{06F8ECFA-742C-47E2-AB96-C1661B0974C8}" sibTransId="{511E2F19-38FB-43D2-BD51-E432C7E842B6}"/>
    <dgm:cxn modelId="{49ACFA39-174B-4824-862A-35FE8227CEC8}" type="presOf" srcId="{6653B196-B954-4C62-8597-32659198F82D}" destId="{C4771029-8CA7-475A-BC21-E06415D612CA}" srcOrd="0" destOrd="0" presId="urn:microsoft.com/office/officeart/2005/8/layout/orgChart1"/>
    <dgm:cxn modelId="{09BEE531-718E-4BC9-8644-14FD6F88771C}" srcId="{2A91E9DA-630F-4DD1-8D5C-A0AF8197768A}" destId="{9F449C4D-8394-4889-BEE2-FDEC14BCD064}" srcOrd="0" destOrd="0" parTransId="{109C0171-CFB7-4455-A02E-DD9DDE58ECAF}" sibTransId="{1DDC8219-8AF6-41FC-AA71-656082AE3C07}"/>
    <dgm:cxn modelId="{587D6D54-A406-45E7-816F-A698D525B3AD}" type="presOf" srcId="{1646D64B-C6F3-4FE3-AA66-F7557DB6B8CA}" destId="{9C3A6E30-1F04-4136-8787-73B2EB8F3DE7}" srcOrd="0" destOrd="0" presId="urn:microsoft.com/office/officeart/2005/8/layout/orgChart1"/>
    <dgm:cxn modelId="{16E0715E-DDC9-415C-98BB-92587B35F197}" type="presOf" srcId="{3F14397A-E4BB-467C-A062-ED5E5855510A}" destId="{78C1CFB4-BD5B-4E46-9625-8B6202F8D34E}" srcOrd="1" destOrd="0" presId="urn:microsoft.com/office/officeart/2005/8/layout/orgChart1"/>
    <dgm:cxn modelId="{83FCB79F-320E-48A3-B24D-B4E0647F0E1A}" type="presOf" srcId="{D52CA700-0366-4B42-BD41-38A0D566CDC6}" destId="{8A8275CC-2760-4F95-81A4-621EA513FE5A}" srcOrd="1" destOrd="0" presId="urn:microsoft.com/office/officeart/2005/8/layout/orgChart1"/>
    <dgm:cxn modelId="{3B4DD861-A069-4EF9-8B39-2BE4D0581DF5}" type="presOf" srcId="{0A095436-5F0C-457E-8CE7-D0E9EC1D9E28}" destId="{0C171B1D-AF2F-4BBB-BE9B-6FB0DB5EA5C2}" srcOrd="0" destOrd="0" presId="urn:microsoft.com/office/officeart/2005/8/layout/orgChart1"/>
    <dgm:cxn modelId="{9267A230-EBB0-4301-BD6D-7A29F41830A3}" type="presOf" srcId="{D33CB51E-F5D0-4E65-A9D6-89234E819AC9}" destId="{D03DFC88-490E-4F45-B1D4-1AF0FA680981}" srcOrd="0" destOrd="0" presId="urn:microsoft.com/office/officeart/2005/8/layout/orgChart1"/>
    <dgm:cxn modelId="{C1A4810C-769A-4759-B5D3-2948EAD34315}" type="presOf" srcId="{643951E3-8631-42E4-B1FF-D9B906E876AF}" destId="{2739ABE5-9717-4FBA-BB04-896187F3B1D7}" srcOrd="0" destOrd="0" presId="urn:microsoft.com/office/officeart/2005/8/layout/orgChart1"/>
    <dgm:cxn modelId="{E2DEB5F6-E5D6-4DEC-BC4F-21A6F8BE5746}" type="presOf" srcId="{ADCA41EA-95F0-4E0E-9D35-36DF96A7A968}" destId="{053362A9-70A0-46E5-86D0-E5A58A244CAE}" srcOrd="1" destOrd="0" presId="urn:microsoft.com/office/officeart/2005/8/layout/orgChart1"/>
    <dgm:cxn modelId="{2A7C3913-B374-4101-95D8-A4725CB99A98}" type="presOf" srcId="{A1694040-8B8B-4E6A-BC91-9EC7D93F390B}" destId="{AA127705-9794-4020-8834-08F077B3603E}" srcOrd="0" destOrd="0" presId="urn:microsoft.com/office/officeart/2005/8/layout/orgChart1"/>
    <dgm:cxn modelId="{B1165655-BFA1-41E3-AFBB-4E1B88F8D8A3}" type="presOf" srcId="{643951E3-8631-42E4-B1FF-D9B906E876AF}" destId="{D1E13A27-DEC3-4453-A4B4-1EFA6E87E5B4}" srcOrd="1" destOrd="0" presId="urn:microsoft.com/office/officeart/2005/8/layout/orgChart1"/>
    <dgm:cxn modelId="{96CD1AA5-C4AD-46B6-94D6-D578A6A0B90F}" type="presOf" srcId="{DBEF966C-72C8-4F35-B74E-BFEEFD69EBA7}" destId="{9D33D6CD-B25B-41A4-BB02-168EE1114F95}" srcOrd="0" destOrd="0" presId="urn:microsoft.com/office/officeart/2005/8/layout/orgChart1"/>
    <dgm:cxn modelId="{6B765AA0-C852-4DCD-91E2-770C5FE4978B}" type="presOf" srcId="{F1E4A801-EC7D-4DDA-8B9B-8A5A34195E7D}" destId="{415588BF-83D8-4997-97E5-3478774536A3}" srcOrd="0" destOrd="0" presId="urn:microsoft.com/office/officeart/2005/8/layout/orgChart1"/>
    <dgm:cxn modelId="{46FF5DCE-8F07-4E77-B424-F8F8D490D63E}" type="presOf" srcId="{6924945D-D106-43F6-94F6-4820D09D7D80}" destId="{687AF85D-A4E3-4F5A-97A1-941BE4443E8D}" srcOrd="0" destOrd="0" presId="urn:microsoft.com/office/officeart/2005/8/layout/orgChart1"/>
    <dgm:cxn modelId="{EF346D24-23E6-4376-A8B3-215670C50CAE}" type="presOf" srcId="{2A91E9DA-630F-4DD1-8D5C-A0AF8197768A}" destId="{B3DF82ED-D652-4A55-A5EA-BE4DB691D91C}" srcOrd="0" destOrd="0" presId="urn:microsoft.com/office/officeart/2005/8/layout/orgChart1"/>
    <dgm:cxn modelId="{1E472CC7-30FA-4A24-B2D0-41E88A3ACE9A}" type="presOf" srcId="{3562CF0C-C124-485C-AFFB-175BDAFCF950}" destId="{995080D3-4796-41D4-94DB-E2C90B52DDF0}" srcOrd="1" destOrd="0" presId="urn:microsoft.com/office/officeart/2005/8/layout/orgChart1"/>
    <dgm:cxn modelId="{4B0CFEF4-6FDE-45AC-BF33-8480AB14B570}" srcId="{74918B7F-6043-4BAC-9D01-F9C00427066C}" destId="{643951E3-8631-42E4-B1FF-D9B906E876AF}" srcOrd="1" destOrd="0" parTransId="{85E750D6-8618-4699-A902-064CD9CFB885}" sibTransId="{20A825BB-4E78-4C4A-AB56-9E2228B34D80}"/>
    <dgm:cxn modelId="{C52DBF99-EF27-43CD-A8C7-AB269799C8A0}" srcId="{FFC27EA5-172D-4295-8D5C-2D2DC78A9F59}" destId="{6653B196-B954-4C62-8597-32659198F82D}" srcOrd="1" destOrd="0" parTransId="{A1694040-8B8B-4E6A-BC91-9EC7D93F390B}" sibTransId="{B61502A9-AD8B-4CE8-8FAC-D00525C7C472}"/>
    <dgm:cxn modelId="{9A8E28C9-B9B6-4B16-BB48-5384C8DFACF6}" srcId="{FFC27EA5-172D-4295-8D5C-2D2DC78A9F59}" destId="{3562CF0C-C124-485C-AFFB-175BDAFCF950}" srcOrd="0" destOrd="0" parTransId="{1646D64B-C6F3-4FE3-AA66-F7557DB6B8CA}" sibTransId="{5A0D9627-2D14-481D-8BBC-E1852D0E10D0}"/>
    <dgm:cxn modelId="{2692547D-A818-4DE1-A123-20B5FD40AE34}" type="presOf" srcId="{D33CB51E-F5D0-4E65-A9D6-89234E819AC9}" destId="{1191D31A-41FC-4747-BA1F-00B81B56466C}" srcOrd="1" destOrd="0" presId="urn:microsoft.com/office/officeart/2005/8/layout/orgChart1"/>
    <dgm:cxn modelId="{675AD429-FD42-422E-B904-A0ABC8762B0D}" type="presOf" srcId="{E26A8032-1D76-4A66-9991-6390A18E6BFF}" destId="{FD9AB53A-ED68-4235-A653-D9D0E5BA107F}" srcOrd="0" destOrd="0" presId="urn:microsoft.com/office/officeart/2005/8/layout/orgChart1"/>
    <dgm:cxn modelId="{8CB4DE7C-1FD2-45C9-B7E8-6A2F1FCFA1D6}" type="presOf" srcId="{03F3ECA5-CBCB-4986-B2AB-47A5C24EF5AA}" destId="{48696375-5926-4CC8-9A1B-B788907E9AEB}" srcOrd="0" destOrd="0" presId="urn:microsoft.com/office/officeart/2005/8/layout/orgChart1"/>
    <dgm:cxn modelId="{49C68F7E-EC4E-46AC-91D8-C697A2FA14BD}" type="presOf" srcId="{3562CF0C-C124-485C-AFFB-175BDAFCF950}" destId="{52094121-5735-4717-A750-53E070EEE078}" srcOrd="0" destOrd="0" presId="urn:microsoft.com/office/officeart/2005/8/layout/orgChart1"/>
    <dgm:cxn modelId="{9D9D6DE1-0D65-45FD-8FA0-D51B24373E1B}" srcId="{9F449C4D-8394-4889-BEE2-FDEC14BCD064}" destId="{9FA68001-E314-43D4-BBDF-2846705A66B4}" srcOrd="3" destOrd="0" parTransId="{5FDCA80A-414E-413C-B835-91590092ECFE}" sibTransId="{A3F0EA05-B8BF-42AA-9A1F-9233D06A380F}"/>
    <dgm:cxn modelId="{C9F441D7-2CBE-4DFE-9918-D2B335A25407}" srcId="{9F449C4D-8394-4889-BEE2-FDEC14BCD064}" destId="{9C99DF64-C8E2-426C-A0AA-1DB5716ED694}" srcOrd="2" destOrd="0" parTransId="{F1E4A801-EC7D-4DDA-8B9B-8A5A34195E7D}" sibTransId="{545518F1-43D8-45B5-9C2A-790D87739622}"/>
    <dgm:cxn modelId="{4DC7F79E-17E1-493A-92F5-BA712DF06254}" type="presOf" srcId="{9F449C4D-8394-4889-BEE2-FDEC14BCD064}" destId="{71F98D30-5E62-40CA-B150-6051697E2291}" srcOrd="0" destOrd="0" presId="urn:microsoft.com/office/officeart/2005/8/layout/orgChart1"/>
    <dgm:cxn modelId="{7786D30F-2837-4D87-91EB-0D13C585F25B}" type="presOf" srcId="{85E750D6-8618-4699-A902-064CD9CFB885}" destId="{287F9125-D126-4791-BCA6-4EE1D7ADF3C6}" srcOrd="0" destOrd="0" presId="urn:microsoft.com/office/officeart/2005/8/layout/orgChart1"/>
    <dgm:cxn modelId="{EE11D4FE-84F4-4A97-813C-D4843E3990AE}" type="presOf" srcId="{9F449C4D-8394-4889-BEE2-FDEC14BCD064}" destId="{E368AAD4-EBFE-4116-8AC7-7F977EA0863A}" srcOrd="1" destOrd="0" presId="urn:microsoft.com/office/officeart/2005/8/layout/orgChart1"/>
    <dgm:cxn modelId="{02F3F04E-668B-4420-856A-59CB53922A32}" type="presOf" srcId="{9C99DF64-C8E2-426C-A0AA-1DB5716ED694}" destId="{30226B11-BCE1-40FA-B3B1-F26315F7AD05}" srcOrd="1" destOrd="0" presId="urn:microsoft.com/office/officeart/2005/8/layout/orgChart1"/>
    <dgm:cxn modelId="{40919A2D-B7A5-4AE7-89AA-553881F198FE}" type="presOf" srcId="{03F3ECA5-CBCB-4986-B2AB-47A5C24EF5AA}" destId="{DE20C6B4-1AE5-41D9-B550-59D6862D6E3A}" srcOrd="1" destOrd="0" presId="urn:microsoft.com/office/officeart/2005/8/layout/orgChart1"/>
    <dgm:cxn modelId="{F65BEF82-22E5-47F0-886C-504C57C7B6D7}" type="presOf" srcId="{9FA68001-E314-43D4-BBDF-2846705A66B4}" destId="{DE8B9439-6449-4B6A-959F-BB7E9556E2E3}" srcOrd="1" destOrd="0" presId="urn:microsoft.com/office/officeart/2005/8/layout/orgChart1"/>
    <dgm:cxn modelId="{3CF374C2-CEB4-4A77-81BE-EA4FB2962E5C}" type="presOf" srcId="{FFC27EA5-172D-4295-8D5C-2D2DC78A9F59}" destId="{198C57EF-8DB5-44FB-AB2F-FD0EB1D6D9A3}" srcOrd="0" destOrd="0" presId="urn:microsoft.com/office/officeart/2005/8/layout/orgChart1"/>
    <dgm:cxn modelId="{030A4A8E-EA2D-4600-9880-239201E9B3C1}" srcId="{FFC27EA5-172D-4295-8D5C-2D2DC78A9F59}" destId="{D33CB51E-F5D0-4E65-A9D6-89234E819AC9}" srcOrd="2" destOrd="0" parTransId="{6924945D-D106-43F6-94F6-4820D09D7D80}" sibTransId="{731E5985-0FAA-4343-80DF-6A1554205891}"/>
    <dgm:cxn modelId="{E6A64339-5329-4C2A-B6CA-6D7B85AF8574}" type="presOf" srcId="{999126CF-134D-45C2-B66C-9F2524BF24E9}" destId="{BF825A2D-8054-4BF1-9C5D-8025932A81FA}" srcOrd="0" destOrd="0" presId="urn:microsoft.com/office/officeart/2005/8/layout/orgChart1"/>
    <dgm:cxn modelId="{789701EC-C2BE-4DFF-A503-6D157646DC4D}" type="presOf" srcId="{5A52591A-6814-495A-81E9-E74F9341C2E7}" destId="{87D138E4-D482-4C7A-A0FD-D51A856FABD1}" srcOrd="0" destOrd="0" presId="urn:microsoft.com/office/officeart/2005/8/layout/orgChart1"/>
    <dgm:cxn modelId="{F5E48B7C-D2FD-4EA1-AF27-A7D97A62B380}" srcId="{3F14397A-E4BB-467C-A062-ED5E5855510A}" destId="{74918B7F-6043-4BAC-9D01-F9C00427066C}" srcOrd="1" destOrd="0" parTransId="{999126CF-134D-45C2-B66C-9F2524BF24E9}" sibTransId="{3F64DF78-CE04-49EB-A3E4-096EBDF733AD}"/>
    <dgm:cxn modelId="{650A762E-C146-4B33-A2C0-9DB537338440}" type="presOf" srcId="{9FA68001-E314-43D4-BBDF-2846705A66B4}" destId="{9A75B79A-F16E-4583-8D47-6847D8D1D435}" srcOrd="0" destOrd="0" presId="urn:microsoft.com/office/officeart/2005/8/layout/orgChart1"/>
    <dgm:cxn modelId="{854C26CE-BFC0-450D-B8BF-48F37F1E1A18}" type="presOf" srcId="{74918B7F-6043-4BAC-9D01-F9C00427066C}" destId="{B621D897-ABBD-4AB0-B42A-DCEF02EC79B2}" srcOrd="1" destOrd="0" presId="urn:microsoft.com/office/officeart/2005/8/layout/orgChart1"/>
    <dgm:cxn modelId="{3EC39B46-47A4-472F-B7AF-343579FA787F}" srcId="{74918B7F-6043-4BAC-9D01-F9C00427066C}" destId="{ADCA41EA-95F0-4E0E-9D35-36DF96A7A968}" srcOrd="2" destOrd="0" parTransId="{9E70DECE-B372-47C6-859D-31CC6BCFC271}" sibTransId="{64051C33-C155-498C-A50B-150F1BC149B0}"/>
    <dgm:cxn modelId="{BCBD1619-0EF1-492C-9C1C-91535262FDDD}" type="presOf" srcId="{7416B42B-AD05-4C20-BB4F-CC75613C7422}" destId="{19A9E873-F625-4CF6-A22A-E56E3B7F91D0}" srcOrd="0" destOrd="0" presId="urn:microsoft.com/office/officeart/2005/8/layout/orgChart1"/>
    <dgm:cxn modelId="{47E9BBA0-736D-4CF8-9C28-C2802C105652}" type="presParOf" srcId="{B3DF82ED-D652-4A55-A5EA-BE4DB691D91C}" destId="{0AA3132D-72F7-4B7A-8D98-262CC2CB0963}" srcOrd="0" destOrd="0" presId="urn:microsoft.com/office/officeart/2005/8/layout/orgChart1"/>
    <dgm:cxn modelId="{3994B85E-142C-4E9A-85BC-DDB42162E0F4}" type="presParOf" srcId="{0AA3132D-72F7-4B7A-8D98-262CC2CB0963}" destId="{22A7F9A0-E837-4D7C-B778-C0C17D49BFF9}" srcOrd="0" destOrd="0" presId="urn:microsoft.com/office/officeart/2005/8/layout/orgChart1"/>
    <dgm:cxn modelId="{7D471814-537A-4674-909A-0A2B6FAB6019}" type="presParOf" srcId="{22A7F9A0-E837-4D7C-B778-C0C17D49BFF9}" destId="{71F98D30-5E62-40CA-B150-6051697E2291}" srcOrd="0" destOrd="0" presId="urn:microsoft.com/office/officeart/2005/8/layout/orgChart1"/>
    <dgm:cxn modelId="{1BC06EEE-AA90-4D90-B6BD-00FCAE97F70F}" type="presParOf" srcId="{22A7F9A0-E837-4D7C-B778-C0C17D49BFF9}" destId="{E368AAD4-EBFE-4116-8AC7-7F977EA0863A}" srcOrd="1" destOrd="0" presId="urn:microsoft.com/office/officeart/2005/8/layout/orgChart1"/>
    <dgm:cxn modelId="{9603FB39-DBBB-4970-BA09-68B41BB1EBF2}" type="presParOf" srcId="{0AA3132D-72F7-4B7A-8D98-262CC2CB0963}" destId="{CA7F16C8-5D0C-474E-959F-9C80C60DA755}" srcOrd="1" destOrd="0" presId="urn:microsoft.com/office/officeart/2005/8/layout/orgChart1"/>
    <dgm:cxn modelId="{4BF18652-8AF0-4884-AFFF-573AF9957329}" type="presParOf" srcId="{CA7F16C8-5D0C-474E-959F-9C80C60DA755}" destId="{FD9AB53A-ED68-4235-A653-D9D0E5BA107F}" srcOrd="0" destOrd="0" presId="urn:microsoft.com/office/officeart/2005/8/layout/orgChart1"/>
    <dgm:cxn modelId="{368A0BAC-07FE-4A63-A96E-BA4F56A63F97}" type="presParOf" srcId="{CA7F16C8-5D0C-474E-959F-9C80C60DA755}" destId="{257C3C50-77FA-4792-ABF1-8C818485175E}" srcOrd="1" destOrd="0" presId="urn:microsoft.com/office/officeart/2005/8/layout/orgChart1"/>
    <dgm:cxn modelId="{EFAEDBB5-C650-4DCC-B65B-C3C82D10CAF6}" type="presParOf" srcId="{257C3C50-77FA-4792-ABF1-8C818485175E}" destId="{5B0504DD-228A-4A93-A4F2-C83F96209673}" srcOrd="0" destOrd="0" presId="urn:microsoft.com/office/officeart/2005/8/layout/orgChart1"/>
    <dgm:cxn modelId="{DE9570C1-97CF-4924-9CBE-92F0F9278711}" type="presParOf" srcId="{5B0504DD-228A-4A93-A4F2-C83F96209673}" destId="{87D138E4-D482-4C7A-A0FD-D51A856FABD1}" srcOrd="0" destOrd="0" presId="urn:microsoft.com/office/officeart/2005/8/layout/orgChart1"/>
    <dgm:cxn modelId="{699F0CD5-693F-4BFF-B5A6-C226AE1F57C9}" type="presParOf" srcId="{5B0504DD-228A-4A93-A4F2-C83F96209673}" destId="{381EA227-0AA1-4B3E-AEA7-BC64541EBE6B}" srcOrd="1" destOrd="0" presId="urn:microsoft.com/office/officeart/2005/8/layout/orgChart1"/>
    <dgm:cxn modelId="{96E4335E-E2B4-4A51-86FC-D2EAF93F892E}" type="presParOf" srcId="{257C3C50-77FA-4792-ABF1-8C818485175E}" destId="{5A0FCCDB-C926-478E-A8C7-3ACBB7075E4F}" srcOrd="1" destOrd="0" presId="urn:microsoft.com/office/officeart/2005/8/layout/orgChart1"/>
    <dgm:cxn modelId="{5C992022-B569-4AC7-B2B1-ACE75451930E}" type="presParOf" srcId="{257C3C50-77FA-4792-ABF1-8C818485175E}" destId="{428C6798-F864-4814-8C64-8AAB2AE4D35D}" srcOrd="2" destOrd="0" presId="urn:microsoft.com/office/officeart/2005/8/layout/orgChart1"/>
    <dgm:cxn modelId="{D1380634-4155-430A-9369-1A9B164DF357}" type="presParOf" srcId="{CA7F16C8-5D0C-474E-959F-9C80C60DA755}" destId="{744DCA96-5E30-435C-94BD-99D9A3567C58}" srcOrd="2" destOrd="0" presId="urn:microsoft.com/office/officeart/2005/8/layout/orgChart1"/>
    <dgm:cxn modelId="{7589EC09-3C07-4135-BB33-12778BD025E4}" type="presParOf" srcId="{CA7F16C8-5D0C-474E-959F-9C80C60DA755}" destId="{40EE4001-A2D3-4E89-AFD3-6AB30B989482}" srcOrd="3" destOrd="0" presId="urn:microsoft.com/office/officeart/2005/8/layout/orgChart1"/>
    <dgm:cxn modelId="{ABFE9136-C5F8-49EA-85E6-573E2A496E9E}" type="presParOf" srcId="{40EE4001-A2D3-4E89-AFD3-6AB30B989482}" destId="{02880C11-0473-48B1-B345-2745255F4C2B}" srcOrd="0" destOrd="0" presId="urn:microsoft.com/office/officeart/2005/8/layout/orgChart1"/>
    <dgm:cxn modelId="{0895C22C-A4B6-442D-BA65-F66E568DFEB3}" type="presParOf" srcId="{02880C11-0473-48B1-B345-2745255F4C2B}" destId="{3580F4F7-86F6-418C-850B-5C912A35D184}" srcOrd="0" destOrd="0" presId="urn:microsoft.com/office/officeart/2005/8/layout/orgChart1"/>
    <dgm:cxn modelId="{229E5B37-4610-4FE1-8E1E-53167C6D692B}" type="presParOf" srcId="{02880C11-0473-48B1-B345-2745255F4C2B}" destId="{78C1CFB4-BD5B-4E46-9625-8B6202F8D34E}" srcOrd="1" destOrd="0" presId="urn:microsoft.com/office/officeart/2005/8/layout/orgChart1"/>
    <dgm:cxn modelId="{932D6B6E-21D6-4253-AB31-96EA14A96827}" type="presParOf" srcId="{40EE4001-A2D3-4E89-AFD3-6AB30B989482}" destId="{C575C846-B120-4F8B-9597-CFC0F08DC976}" srcOrd="1" destOrd="0" presId="urn:microsoft.com/office/officeart/2005/8/layout/orgChart1"/>
    <dgm:cxn modelId="{A144EA06-6A22-4C3D-869A-CD88ED9C05D4}" type="presParOf" srcId="{C575C846-B120-4F8B-9597-CFC0F08DC976}" destId="{0C171B1D-AF2F-4BBB-BE9B-6FB0DB5EA5C2}" srcOrd="0" destOrd="0" presId="urn:microsoft.com/office/officeart/2005/8/layout/orgChart1"/>
    <dgm:cxn modelId="{19201C67-7D33-4E56-A418-5D1203F9C664}" type="presParOf" srcId="{C575C846-B120-4F8B-9597-CFC0F08DC976}" destId="{49AC9396-3A0B-482D-BD38-40641C6227EA}" srcOrd="1" destOrd="0" presId="urn:microsoft.com/office/officeart/2005/8/layout/orgChart1"/>
    <dgm:cxn modelId="{9B5A800F-0537-4B08-B16A-5805E966C3C1}" type="presParOf" srcId="{49AC9396-3A0B-482D-BD38-40641C6227EA}" destId="{95BF1F88-42C3-4C42-8817-71B164D0EDD5}" srcOrd="0" destOrd="0" presId="urn:microsoft.com/office/officeart/2005/8/layout/orgChart1"/>
    <dgm:cxn modelId="{A7E80FAD-6E80-41DB-AC49-539EFE8ADAF6}" type="presParOf" srcId="{95BF1F88-42C3-4C42-8817-71B164D0EDD5}" destId="{48696375-5926-4CC8-9A1B-B788907E9AEB}" srcOrd="0" destOrd="0" presId="urn:microsoft.com/office/officeart/2005/8/layout/orgChart1"/>
    <dgm:cxn modelId="{BDC71DC6-3124-410D-8E52-693D44DCC634}" type="presParOf" srcId="{95BF1F88-42C3-4C42-8817-71B164D0EDD5}" destId="{DE20C6B4-1AE5-41D9-B550-59D6862D6E3A}" srcOrd="1" destOrd="0" presId="urn:microsoft.com/office/officeart/2005/8/layout/orgChart1"/>
    <dgm:cxn modelId="{B6308A72-C17C-4D1C-897A-8472785B1866}" type="presParOf" srcId="{49AC9396-3A0B-482D-BD38-40641C6227EA}" destId="{1E63E87E-8F92-4FF6-8A25-09FD2AC5E648}" srcOrd="1" destOrd="0" presId="urn:microsoft.com/office/officeart/2005/8/layout/orgChart1"/>
    <dgm:cxn modelId="{9D27D6A4-FB7A-4379-9EAB-0279CEA1D967}" type="presParOf" srcId="{49AC9396-3A0B-482D-BD38-40641C6227EA}" destId="{CB7200A9-D967-4B30-9CC0-644D84152680}" srcOrd="2" destOrd="0" presId="urn:microsoft.com/office/officeart/2005/8/layout/orgChart1"/>
    <dgm:cxn modelId="{2E323644-C1FB-40F0-95FE-4826C2D81E8B}" type="presParOf" srcId="{C575C846-B120-4F8B-9597-CFC0F08DC976}" destId="{BF825A2D-8054-4BF1-9C5D-8025932A81FA}" srcOrd="2" destOrd="0" presId="urn:microsoft.com/office/officeart/2005/8/layout/orgChart1"/>
    <dgm:cxn modelId="{2764AA73-5C95-4373-A1DE-709BF208C3CF}" type="presParOf" srcId="{C575C846-B120-4F8B-9597-CFC0F08DC976}" destId="{BEE7C3A6-1497-42C2-A285-1B28E08287E3}" srcOrd="3" destOrd="0" presId="urn:microsoft.com/office/officeart/2005/8/layout/orgChart1"/>
    <dgm:cxn modelId="{7B6D038E-4E89-4823-AE79-A734F79F150F}" type="presParOf" srcId="{BEE7C3A6-1497-42C2-A285-1B28E08287E3}" destId="{E364CDF3-0016-4B31-9817-C5982054E1D3}" srcOrd="0" destOrd="0" presId="urn:microsoft.com/office/officeart/2005/8/layout/orgChart1"/>
    <dgm:cxn modelId="{54C5A0FB-EE2B-4504-A997-E2F181F0A931}" type="presParOf" srcId="{E364CDF3-0016-4B31-9817-C5982054E1D3}" destId="{742D0DDE-AAFD-4747-8052-C72BE9CC0235}" srcOrd="0" destOrd="0" presId="urn:microsoft.com/office/officeart/2005/8/layout/orgChart1"/>
    <dgm:cxn modelId="{E89310F1-2CF7-499C-84B3-73084EE0EA09}" type="presParOf" srcId="{E364CDF3-0016-4B31-9817-C5982054E1D3}" destId="{B621D897-ABBD-4AB0-B42A-DCEF02EC79B2}" srcOrd="1" destOrd="0" presId="urn:microsoft.com/office/officeart/2005/8/layout/orgChart1"/>
    <dgm:cxn modelId="{B1DC6E47-C229-4D03-A133-EF06F15285EA}" type="presParOf" srcId="{BEE7C3A6-1497-42C2-A285-1B28E08287E3}" destId="{925C4799-9A19-417B-90DC-AC0DF6461F8D}" srcOrd="1" destOrd="0" presId="urn:microsoft.com/office/officeart/2005/8/layout/orgChart1"/>
    <dgm:cxn modelId="{0DD3E2BF-195A-40DE-AFC0-A0087D72306D}" type="presParOf" srcId="{925C4799-9A19-417B-90DC-AC0DF6461F8D}" destId="{19A9E873-F625-4CF6-A22A-E56E3B7F91D0}" srcOrd="0" destOrd="0" presId="urn:microsoft.com/office/officeart/2005/8/layout/orgChart1"/>
    <dgm:cxn modelId="{B9093E73-E706-4196-88B1-8955108578D8}" type="presParOf" srcId="{925C4799-9A19-417B-90DC-AC0DF6461F8D}" destId="{A1296862-A0F1-4D02-8383-D24BA3DE7FBD}" srcOrd="1" destOrd="0" presId="urn:microsoft.com/office/officeart/2005/8/layout/orgChart1"/>
    <dgm:cxn modelId="{578E6794-DE21-45ED-9A33-61201A51F282}" type="presParOf" srcId="{A1296862-A0F1-4D02-8383-D24BA3DE7FBD}" destId="{4982E4C9-3D54-4D19-8C38-3455355DD98F}" srcOrd="0" destOrd="0" presId="urn:microsoft.com/office/officeart/2005/8/layout/orgChart1"/>
    <dgm:cxn modelId="{6609C9A0-EFFF-4F34-814B-2FDC7CBF35EC}" type="presParOf" srcId="{4982E4C9-3D54-4D19-8C38-3455355DD98F}" destId="{198C57EF-8DB5-44FB-AB2F-FD0EB1D6D9A3}" srcOrd="0" destOrd="0" presId="urn:microsoft.com/office/officeart/2005/8/layout/orgChart1"/>
    <dgm:cxn modelId="{FEC4442E-9A0C-4001-A149-006DB92BD110}" type="presParOf" srcId="{4982E4C9-3D54-4D19-8C38-3455355DD98F}" destId="{85EAC3B2-B210-4171-BF1E-2CD388379ADB}" srcOrd="1" destOrd="0" presId="urn:microsoft.com/office/officeart/2005/8/layout/orgChart1"/>
    <dgm:cxn modelId="{064B4352-24A1-44EE-8B30-9CADC49CA7EE}" type="presParOf" srcId="{A1296862-A0F1-4D02-8383-D24BA3DE7FBD}" destId="{C8A71ADD-24BD-4009-A7B0-98DABB77EE1A}" srcOrd="1" destOrd="0" presId="urn:microsoft.com/office/officeart/2005/8/layout/orgChart1"/>
    <dgm:cxn modelId="{DB0F8DD1-BBE0-4DC7-8820-691B5ACACBF0}" type="presParOf" srcId="{C8A71ADD-24BD-4009-A7B0-98DABB77EE1A}" destId="{9C3A6E30-1F04-4136-8787-73B2EB8F3DE7}" srcOrd="0" destOrd="0" presId="urn:microsoft.com/office/officeart/2005/8/layout/orgChart1"/>
    <dgm:cxn modelId="{923146C5-8C23-4A29-B665-3EFEA08C3527}" type="presParOf" srcId="{C8A71ADD-24BD-4009-A7B0-98DABB77EE1A}" destId="{5DE2DCD3-8C16-4396-83F2-A66BB2B31339}" srcOrd="1" destOrd="0" presId="urn:microsoft.com/office/officeart/2005/8/layout/orgChart1"/>
    <dgm:cxn modelId="{76D5B60F-5224-40EC-B13A-6EB7829F0B50}" type="presParOf" srcId="{5DE2DCD3-8C16-4396-83F2-A66BB2B31339}" destId="{36583678-B91C-4575-A9BD-4A5387C94521}" srcOrd="0" destOrd="0" presId="urn:microsoft.com/office/officeart/2005/8/layout/orgChart1"/>
    <dgm:cxn modelId="{6F421086-5BE4-478D-988B-BFBD67FB9768}" type="presParOf" srcId="{36583678-B91C-4575-A9BD-4A5387C94521}" destId="{52094121-5735-4717-A750-53E070EEE078}" srcOrd="0" destOrd="0" presId="urn:microsoft.com/office/officeart/2005/8/layout/orgChart1"/>
    <dgm:cxn modelId="{7F66E333-0B76-4CC2-88DA-FED49FFAADF8}" type="presParOf" srcId="{36583678-B91C-4575-A9BD-4A5387C94521}" destId="{995080D3-4796-41D4-94DB-E2C90B52DDF0}" srcOrd="1" destOrd="0" presId="urn:microsoft.com/office/officeart/2005/8/layout/orgChart1"/>
    <dgm:cxn modelId="{17DBAEF6-180C-438C-9962-7D4C1477EE78}" type="presParOf" srcId="{5DE2DCD3-8C16-4396-83F2-A66BB2B31339}" destId="{EC1EF9FB-02AA-4B5E-969A-36C8A4B9CC6F}" srcOrd="1" destOrd="0" presId="urn:microsoft.com/office/officeart/2005/8/layout/orgChart1"/>
    <dgm:cxn modelId="{ED109A89-8BF0-4CA3-8703-335C55DE5C7C}" type="presParOf" srcId="{5DE2DCD3-8C16-4396-83F2-A66BB2B31339}" destId="{BCFD39C6-3416-42B4-B894-C64A877719F4}" srcOrd="2" destOrd="0" presId="urn:microsoft.com/office/officeart/2005/8/layout/orgChart1"/>
    <dgm:cxn modelId="{2D2496E1-BBD5-4DFA-9B12-23A238ABE962}" type="presParOf" srcId="{C8A71ADD-24BD-4009-A7B0-98DABB77EE1A}" destId="{AA127705-9794-4020-8834-08F077B3603E}" srcOrd="2" destOrd="0" presId="urn:microsoft.com/office/officeart/2005/8/layout/orgChart1"/>
    <dgm:cxn modelId="{4A3BC3CA-2E6A-4B6C-9737-091BE9B5C5DE}" type="presParOf" srcId="{C8A71ADD-24BD-4009-A7B0-98DABB77EE1A}" destId="{8D3B81EE-CD84-4A10-B11D-4403362C75FC}" srcOrd="3" destOrd="0" presId="urn:microsoft.com/office/officeart/2005/8/layout/orgChart1"/>
    <dgm:cxn modelId="{C8BD14D2-1E5D-49D9-8A9A-5FECA2F8D231}" type="presParOf" srcId="{8D3B81EE-CD84-4A10-B11D-4403362C75FC}" destId="{78084B42-D2F6-4DCA-AA25-80257F8205C8}" srcOrd="0" destOrd="0" presId="urn:microsoft.com/office/officeart/2005/8/layout/orgChart1"/>
    <dgm:cxn modelId="{EEC78E8C-1D10-4D85-B653-422C60613426}" type="presParOf" srcId="{78084B42-D2F6-4DCA-AA25-80257F8205C8}" destId="{C4771029-8CA7-475A-BC21-E06415D612CA}" srcOrd="0" destOrd="0" presId="urn:microsoft.com/office/officeart/2005/8/layout/orgChart1"/>
    <dgm:cxn modelId="{F92673CD-C8A2-40F3-9609-ED5735386A17}" type="presParOf" srcId="{78084B42-D2F6-4DCA-AA25-80257F8205C8}" destId="{EDA4A4CD-F801-4958-9120-3E27BDA0DB91}" srcOrd="1" destOrd="0" presId="urn:microsoft.com/office/officeart/2005/8/layout/orgChart1"/>
    <dgm:cxn modelId="{0B2038D5-4D2A-4773-9044-712FE6FA355F}" type="presParOf" srcId="{8D3B81EE-CD84-4A10-B11D-4403362C75FC}" destId="{2A3934A0-54DF-4DD0-8F2E-AE3D1C716BFE}" srcOrd="1" destOrd="0" presId="urn:microsoft.com/office/officeart/2005/8/layout/orgChart1"/>
    <dgm:cxn modelId="{D24F765A-EAA7-401B-93B1-FCD7B7F87992}" type="presParOf" srcId="{8D3B81EE-CD84-4A10-B11D-4403362C75FC}" destId="{D6FE780F-5727-469E-AC3C-8F139C6AE423}" srcOrd="2" destOrd="0" presId="urn:microsoft.com/office/officeart/2005/8/layout/orgChart1"/>
    <dgm:cxn modelId="{099DCDF6-C23C-4BF9-B0DD-001020D7B4C5}" type="presParOf" srcId="{C8A71ADD-24BD-4009-A7B0-98DABB77EE1A}" destId="{687AF85D-A4E3-4F5A-97A1-941BE4443E8D}" srcOrd="4" destOrd="0" presId="urn:microsoft.com/office/officeart/2005/8/layout/orgChart1"/>
    <dgm:cxn modelId="{FF6AB61D-A9DB-4462-B0CC-D690AF9ACE18}" type="presParOf" srcId="{C8A71ADD-24BD-4009-A7B0-98DABB77EE1A}" destId="{1C3FFDE5-0D4D-450D-9C48-1EBD25C6AE0C}" srcOrd="5" destOrd="0" presId="urn:microsoft.com/office/officeart/2005/8/layout/orgChart1"/>
    <dgm:cxn modelId="{7D745083-E8EE-4658-A109-E12696D1286D}" type="presParOf" srcId="{1C3FFDE5-0D4D-450D-9C48-1EBD25C6AE0C}" destId="{290238D3-AB31-44F0-B910-D51203C8879F}" srcOrd="0" destOrd="0" presId="urn:microsoft.com/office/officeart/2005/8/layout/orgChart1"/>
    <dgm:cxn modelId="{28B3EC8B-6CD3-48C8-AEDF-A5452A4999C9}" type="presParOf" srcId="{290238D3-AB31-44F0-B910-D51203C8879F}" destId="{D03DFC88-490E-4F45-B1D4-1AF0FA680981}" srcOrd="0" destOrd="0" presId="urn:microsoft.com/office/officeart/2005/8/layout/orgChart1"/>
    <dgm:cxn modelId="{EB36D26E-1274-4CCF-96C4-64E59D950A04}" type="presParOf" srcId="{290238D3-AB31-44F0-B910-D51203C8879F}" destId="{1191D31A-41FC-4747-BA1F-00B81B56466C}" srcOrd="1" destOrd="0" presId="urn:microsoft.com/office/officeart/2005/8/layout/orgChart1"/>
    <dgm:cxn modelId="{5285AF2E-CB53-4B40-9D37-4C14B577D959}" type="presParOf" srcId="{1C3FFDE5-0D4D-450D-9C48-1EBD25C6AE0C}" destId="{B21B95C4-3975-4376-A69C-5003EFE895F1}" srcOrd="1" destOrd="0" presId="urn:microsoft.com/office/officeart/2005/8/layout/orgChart1"/>
    <dgm:cxn modelId="{637BB01A-E84F-4BDF-8F62-589EDA641EA3}" type="presParOf" srcId="{1C3FFDE5-0D4D-450D-9C48-1EBD25C6AE0C}" destId="{C2594071-DEF6-40FB-8129-29DD3FB30BD4}" srcOrd="2" destOrd="0" presId="urn:microsoft.com/office/officeart/2005/8/layout/orgChart1"/>
    <dgm:cxn modelId="{4320C9C3-A1F5-42FA-AF89-9C98CC29EB24}" type="presParOf" srcId="{A1296862-A0F1-4D02-8383-D24BA3DE7FBD}" destId="{3A0906F2-DADE-4F7B-A202-8614157B026B}" srcOrd="2" destOrd="0" presId="urn:microsoft.com/office/officeart/2005/8/layout/orgChart1"/>
    <dgm:cxn modelId="{EDF68AF7-1616-4DDE-87FB-5878EB2F0AA9}" type="presParOf" srcId="{925C4799-9A19-417B-90DC-AC0DF6461F8D}" destId="{287F9125-D126-4791-BCA6-4EE1D7ADF3C6}" srcOrd="2" destOrd="0" presId="urn:microsoft.com/office/officeart/2005/8/layout/orgChart1"/>
    <dgm:cxn modelId="{C094823F-4B5A-422B-820A-19D8BAB66794}" type="presParOf" srcId="{925C4799-9A19-417B-90DC-AC0DF6461F8D}" destId="{4942D8E3-7B38-4609-8D26-0165D6C988DF}" srcOrd="3" destOrd="0" presId="urn:microsoft.com/office/officeart/2005/8/layout/orgChart1"/>
    <dgm:cxn modelId="{F55FEA2F-BD5A-46CD-9836-ED6D5F090991}" type="presParOf" srcId="{4942D8E3-7B38-4609-8D26-0165D6C988DF}" destId="{92492353-CCDB-49D9-864B-CBDFF146157C}" srcOrd="0" destOrd="0" presId="urn:microsoft.com/office/officeart/2005/8/layout/orgChart1"/>
    <dgm:cxn modelId="{D65DC330-4F8B-4878-BDAA-BBE9384EC9C8}" type="presParOf" srcId="{92492353-CCDB-49D9-864B-CBDFF146157C}" destId="{2739ABE5-9717-4FBA-BB04-896187F3B1D7}" srcOrd="0" destOrd="0" presId="urn:microsoft.com/office/officeart/2005/8/layout/orgChart1"/>
    <dgm:cxn modelId="{AD19487D-2A0C-4278-AF9D-F73ABA2CA4DC}" type="presParOf" srcId="{92492353-CCDB-49D9-864B-CBDFF146157C}" destId="{D1E13A27-DEC3-4453-A4B4-1EFA6E87E5B4}" srcOrd="1" destOrd="0" presId="urn:microsoft.com/office/officeart/2005/8/layout/orgChart1"/>
    <dgm:cxn modelId="{0351CCBE-1F52-4D5C-B768-3D923B4644DC}" type="presParOf" srcId="{4942D8E3-7B38-4609-8D26-0165D6C988DF}" destId="{54022C7C-4151-42EF-A9A3-47E82DEB99F3}" srcOrd="1" destOrd="0" presId="urn:microsoft.com/office/officeart/2005/8/layout/orgChart1"/>
    <dgm:cxn modelId="{985E7C27-684F-4BEF-9767-D6E7A543A73D}" type="presParOf" srcId="{4942D8E3-7B38-4609-8D26-0165D6C988DF}" destId="{B0C9D833-0C9B-4729-B08D-50D3CAB6A904}" srcOrd="2" destOrd="0" presId="urn:microsoft.com/office/officeart/2005/8/layout/orgChart1"/>
    <dgm:cxn modelId="{9E60EDD0-AF14-4AA2-A0FF-A0A4AFD34BD9}" type="presParOf" srcId="{925C4799-9A19-417B-90DC-AC0DF6461F8D}" destId="{AA31A47A-DA9E-4A90-93BD-6A646CF22F93}" srcOrd="4" destOrd="0" presId="urn:microsoft.com/office/officeart/2005/8/layout/orgChart1"/>
    <dgm:cxn modelId="{D3EFA015-2975-4B94-9084-453D225A7A0D}" type="presParOf" srcId="{925C4799-9A19-417B-90DC-AC0DF6461F8D}" destId="{5566B106-CEDC-43C5-9EF6-8D9490BB0C51}" srcOrd="5" destOrd="0" presId="urn:microsoft.com/office/officeart/2005/8/layout/orgChart1"/>
    <dgm:cxn modelId="{CE416102-E66A-4720-BE2C-04883C7A36F1}" type="presParOf" srcId="{5566B106-CEDC-43C5-9EF6-8D9490BB0C51}" destId="{9E8A74B8-4BBC-4D41-85B2-E3C2DD5D6C9D}" srcOrd="0" destOrd="0" presId="urn:microsoft.com/office/officeart/2005/8/layout/orgChart1"/>
    <dgm:cxn modelId="{B7785910-FB24-4504-9656-7F834D741203}" type="presParOf" srcId="{9E8A74B8-4BBC-4D41-85B2-E3C2DD5D6C9D}" destId="{8E0474C2-1F47-4067-BA80-977E6E470F20}" srcOrd="0" destOrd="0" presId="urn:microsoft.com/office/officeart/2005/8/layout/orgChart1"/>
    <dgm:cxn modelId="{3F0ED864-CD40-430F-8367-6EB66E12B42B}" type="presParOf" srcId="{9E8A74B8-4BBC-4D41-85B2-E3C2DD5D6C9D}" destId="{053362A9-70A0-46E5-86D0-E5A58A244CAE}" srcOrd="1" destOrd="0" presId="urn:microsoft.com/office/officeart/2005/8/layout/orgChart1"/>
    <dgm:cxn modelId="{BB8E1334-B1D8-4490-92CE-937B132D2B2C}" type="presParOf" srcId="{5566B106-CEDC-43C5-9EF6-8D9490BB0C51}" destId="{28629E5C-2831-4B29-849A-2D3BE205F3BD}" srcOrd="1" destOrd="0" presId="urn:microsoft.com/office/officeart/2005/8/layout/orgChart1"/>
    <dgm:cxn modelId="{4121DEA3-ABCD-46F5-AC55-EFC43820BFB2}" type="presParOf" srcId="{5566B106-CEDC-43C5-9EF6-8D9490BB0C51}" destId="{001809EF-8517-4A28-B774-6A3A46532D04}" srcOrd="2" destOrd="0" presId="urn:microsoft.com/office/officeart/2005/8/layout/orgChart1"/>
    <dgm:cxn modelId="{E8E93EBF-56B3-49F3-971F-92AF30C7DB1A}" type="presParOf" srcId="{BEE7C3A6-1497-42C2-A285-1B28E08287E3}" destId="{55D24CE4-4F68-472B-86F9-3FBC3F6B3D5F}" srcOrd="2" destOrd="0" presId="urn:microsoft.com/office/officeart/2005/8/layout/orgChart1"/>
    <dgm:cxn modelId="{14D7A343-64E7-44F8-B389-8666BDA47885}" type="presParOf" srcId="{C575C846-B120-4F8B-9597-CFC0F08DC976}" destId="{9D33D6CD-B25B-41A4-BB02-168EE1114F95}" srcOrd="4" destOrd="0" presId="urn:microsoft.com/office/officeart/2005/8/layout/orgChart1"/>
    <dgm:cxn modelId="{C3660402-6EA1-4C7A-ABBB-1E2A18494B85}" type="presParOf" srcId="{C575C846-B120-4F8B-9597-CFC0F08DC976}" destId="{E80ADFFF-A0A9-4EFD-8FF3-6FD0B1A6FF3E}" srcOrd="5" destOrd="0" presId="urn:microsoft.com/office/officeart/2005/8/layout/orgChart1"/>
    <dgm:cxn modelId="{51E48071-600E-4DA9-A2EF-E7C1EDFCE918}" type="presParOf" srcId="{E80ADFFF-A0A9-4EFD-8FF3-6FD0B1A6FF3E}" destId="{024AAFBC-A622-4E66-A9DD-07C065DF4C0E}" srcOrd="0" destOrd="0" presId="urn:microsoft.com/office/officeart/2005/8/layout/orgChart1"/>
    <dgm:cxn modelId="{FBF37D66-49F5-4BA8-9C3B-2F70B41CD09F}" type="presParOf" srcId="{024AAFBC-A622-4E66-A9DD-07C065DF4C0E}" destId="{BE111270-85F9-4934-83C5-95DC713BC911}" srcOrd="0" destOrd="0" presId="urn:microsoft.com/office/officeart/2005/8/layout/orgChart1"/>
    <dgm:cxn modelId="{20B7823F-6C86-45DC-9F1D-09BDAB6DE77F}" type="presParOf" srcId="{024AAFBC-A622-4E66-A9DD-07C065DF4C0E}" destId="{8A8275CC-2760-4F95-81A4-621EA513FE5A}" srcOrd="1" destOrd="0" presId="urn:microsoft.com/office/officeart/2005/8/layout/orgChart1"/>
    <dgm:cxn modelId="{43B04BC6-08F6-47F7-B476-0BDB14111955}" type="presParOf" srcId="{E80ADFFF-A0A9-4EFD-8FF3-6FD0B1A6FF3E}" destId="{641038B2-724E-467B-B98A-D12E9F0903AF}" srcOrd="1" destOrd="0" presId="urn:microsoft.com/office/officeart/2005/8/layout/orgChart1"/>
    <dgm:cxn modelId="{CEE0194A-0819-430E-A29B-36498C70A55F}" type="presParOf" srcId="{E80ADFFF-A0A9-4EFD-8FF3-6FD0B1A6FF3E}" destId="{CFBE2273-448C-4205-AA7D-46CBBFC80178}" srcOrd="2" destOrd="0" presId="urn:microsoft.com/office/officeart/2005/8/layout/orgChart1"/>
    <dgm:cxn modelId="{8E703FAD-2830-4B63-A0AB-F82D2D68FC7B}" type="presParOf" srcId="{40EE4001-A2D3-4E89-AFD3-6AB30B989482}" destId="{843A6DA6-3B75-4517-B1F1-22ED60013230}" srcOrd="2" destOrd="0" presId="urn:microsoft.com/office/officeart/2005/8/layout/orgChart1"/>
    <dgm:cxn modelId="{14ACB6CA-4D46-4789-8954-6355B98C89B4}" type="presParOf" srcId="{CA7F16C8-5D0C-474E-959F-9C80C60DA755}" destId="{415588BF-83D8-4997-97E5-3478774536A3}" srcOrd="4" destOrd="0" presId="urn:microsoft.com/office/officeart/2005/8/layout/orgChart1"/>
    <dgm:cxn modelId="{A6B2C8AF-F55A-473F-92B8-4F0D29B095BA}" type="presParOf" srcId="{CA7F16C8-5D0C-474E-959F-9C80C60DA755}" destId="{EAF5388D-3AE3-4963-8F7B-B3D169092E26}" srcOrd="5" destOrd="0" presId="urn:microsoft.com/office/officeart/2005/8/layout/orgChart1"/>
    <dgm:cxn modelId="{6B8F9127-B658-492D-B0CF-0B667F3CFB05}" type="presParOf" srcId="{EAF5388D-3AE3-4963-8F7B-B3D169092E26}" destId="{60040A51-97C4-431D-AF4D-FF71CFEB215F}" srcOrd="0" destOrd="0" presId="urn:microsoft.com/office/officeart/2005/8/layout/orgChart1"/>
    <dgm:cxn modelId="{86FDD9FF-369C-4B67-80B1-A5561E884B4E}" type="presParOf" srcId="{60040A51-97C4-431D-AF4D-FF71CFEB215F}" destId="{53D2D599-85DE-491D-9AD3-7486BF6B9A01}" srcOrd="0" destOrd="0" presId="urn:microsoft.com/office/officeart/2005/8/layout/orgChart1"/>
    <dgm:cxn modelId="{E45912AA-F6D3-4D29-97A0-89E0678B4C05}" type="presParOf" srcId="{60040A51-97C4-431D-AF4D-FF71CFEB215F}" destId="{30226B11-BCE1-40FA-B3B1-F26315F7AD05}" srcOrd="1" destOrd="0" presId="urn:microsoft.com/office/officeart/2005/8/layout/orgChart1"/>
    <dgm:cxn modelId="{C87962E2-E372-4A0B-A22C-A4EE21495DF2}" type="presParOf" srcId="{EAF5388D-3AE3-4963-8F7B-B3D169092E26}" destId="{DFE25B61-9D57-4AF6-A9A8-7CB73052B929}" srcOrd="1" destOrd="0" presId="urn:microsoft.com/office/officeart/2005/8/layout/orgChart1"/>
    <dgm:cxn modelId="{7BA1BBD8-88DE-41B3-AB20-1BD78E3E4009}" type="presParOf" srcId="{EAF5388D-3AE3-4963-8F7B-B3D169092E26}" destId="{A35DB468-5D8E-40BC-AB98-7F619439894D}" srcOrd="2" destOrd="0" presId="urn:microsoft.com/office/officeart/2005/8/layout/orgChart1"/>
    <dgm:cxn modelId="{9345CE86-F247-427E-BD39-187AB1C49458}" type="presParOf" srcId="{CA7F16C8-5D0C-474E-959F-9C80C60DA755}" destId="{50C0B400-CC10-4BBB-92E1-D455BBD71271}" srcOrd="6" destOrd="0" presId="urn:microsoft.com/office/officeart/2005/8/layout/orgChart1"/>
    <dgm:cxn modelId="{783B7329-965D-479F-ADB9-F93DD307F2DE}" type="presParOf" srcId="{CA7F16C8-5D0C-474E-959F-9C80C60DA755}" destId="{94F2DA45-41BB-4FAF-87B2-F7790A56CBEB}" srcOrd="7" destOrd="0" presId="urn:microsoft.com/office/officeart/2005/8/layout/orgChart1"/>
    <dgm:cxn modelId="{8A8F93C2-0DD8-4A01-9A6A-A9F4C3DC3BB2}" type="presParOf" srcId="{94F2DA45-41BB-4FAF-87B2-F7790A56CBEB}" destId="{03D478D6-06BD-469E-B0C7-D1A398614207}" srcOrd="0" destOrd="0" presId="urn:microsoft.com/office/officeart/2005/8/layout/orgChart1"/>
    <dgm:cxn modelId="{1C3BD358-B08C-4EB5-B29E-737D0B489655}" type="presParOf" srcId="{03D478D6-06BD-469E-B0C7-D1A398614207}" destId="{9A75B79A-F16E-4583-8D47-6847D8D1D435}" srcOrd="0" destOrd="0" presId="urn:microsoft.com/office/officeart/2005/8/layout/orgChart1"/>
    <dgm:cxn modelId="{412B72FC-AA74-4F55-9E24-C3FAFF3795D6}" type="presParOf" srcId="{03D478D6-06BD-469E-B0C7-D1A398614207}" destId="{DE8B9439-6449-4B6A-959F-BB7E9556E2E3}" srcOrd="1" destOrd="0" presId="urn:microsoft.com/office/officeart/2005/8/layout/orgChart1"/>
    <dgm:cxn modelId="{7AD32238-2F27-47DA-AE00-0D90CA515D3A}" type="presParOf" srcId="{94F2DA45-41BB-4FAF-87B2-F7790A56CBEB}" destId="{5C05DCBB-A945-4D2C-9D35-110E3CA8F16B}" srcOrd="1" destOrd="0" presId="urn:microsoft.com/office/officeart/2005/8/layout/orgChart1"/>
    <dgm:cxn modelId="{03B81ECA-03B7-4095-AA66-95D298E45D87}" type="presParOf" srcId="{94F2DA45-41BB-4FAF-87B2-F7790A56CBEB}" destId="{34B2DA4E-A5B8-4619-8FA5-5C1BD5F76C0B}" srcOrd="2" destOrd="0" presId="urn:microsoft.com/office/officeart/2005/8/layout/orgChart1"/>
    <dgm:cxn modelId="{05C843F9-14C3-4754-9E1F-BA48B1855924}" type="presParOf" srcId="{0AA3132D-72F7-4B7A-8D98-262CC2CB0963}" destId="{347F17FC-AC78-4BF5-A372-636B4BAA576A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0C0B400-CC10-4BBB-92E1-D455BBD71271}">
      <dsp:nvSpPr>
        <dsp:cNvPr id="0" name=""/>
        <dsp:cNvSpPr/>
      </dsp:nvSpPr>
      <dsp:spPr>
        <a:xfrm>
          <a:off x="1550409" y="500683"/>
          <a:ext cx="1214290" cy="14049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0248"/>
              </a:lnTo>
              <a:lnTo>
                <a:pt x="1214290" y="70248"/>
              </a:lnTo>
              <a:lnTo>
                <a:pt x="1214290" y="140496"/>
              </a:lnTo>
            </a:path>
          </a:pathLst>
        </a:custGeom>
        <a:noFill/>
        <a:ln w="12700" cap="flat" cmpd="sng" algn="ctr">
          <a:solidFill>
            <a:schemeClr val="accent6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15588BF-83D8-4997-97E5-3478774536A3}">
      <dsp:nvSpPr>
        <dsp:cNvPr id="0" name=""/>
        <dsp:cNvSpPr/>
      </dsp:nvSpPr>
      <dsp:spPr>
        <a:xfrm>
          <a:off x="1550409" y="500683"/>
          <a:ext cx="404763" cy="14049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0248"/>
              </a:lnTo>
              <a:lnTo>
                <a:pt x="404763" y="70248"/>
              </a:lnTo>
              <a:lnTo>
                <a:pt x="404763" y="140496"/>
              </a:lnTo>
            </a:path>
          </a:pathLst>
        </a:custGeom>
        <a:noFill/>
        <a:ln w="12700" cap="flat" cmpd="sng" algn="ctr">
          <a:solidFill>
            <a:schemeClr val="accent6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D33D6CD-B25B-41A4-BB02-168EE1114F95}">
      <dsp:nvSpPr>
        <dsp:cNvPr id="0" name=""/>
        <dsp:cNvSpPr/>
      </dsp:nvSpPr>
      <dsp:spPr>
        <a:xfrm>
          <a:off x="1145646" y="975695"/>
          <a:ext cx="809527" cy="14049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0248"/>
              </a:lnTo>
              <a:lnTo>
                <a:pt x="809527" y="70248"/>
              </a:lnTo>
              <a:lnTo>
                <a:pt x="809527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A31A47A-DA9E-4A90-93BD-6A646CF22F93}">
      <dsp:nvSpPr>
        <dsp:cNvPr id="0" name=""/>
        <dsp:cNvSpPr/>
      </dsp:nvSpPr>
      <dsp:spPr>
        <a:xfrm>
          <a:off x="1145646" y="1450707"/>
          <a:ext cx="809527" cy="14049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0248"/>
              </a:lnTo>
              <a:lnTo>
                <a:pt x="809527" y="70248"/>
              </a:lnTo>
              <a:lnTo>
                <a:pt x="809527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87F9125-D126-4791-BCA6-4EE1D7ADF3C6}">
      <dsp:nvSpPr>
        <dsp:cNvPr id="0" name=""/>
        <dsp:cNvSpPr/>
      </dsp:nvSpPr>
      <dsp:spPr>
        <a:xfrm>
          <a:off x="1099926" y="1450707"/>
          <a:ext cx="91440" cy="140496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87AF85D-A4E3-4F5A-97A1-941BE4443E8D}">
      <dsp:nvSpPr>
        <dsp:cNvPr id="0" name=""/>
        <dsp:cNvSpPr/>
      </dsp:nvSpPr>
      <dsp:spPr>
        <a:xfrm>
          <a:off x="68507" y="1925719"/>
          <a:ext cx="100354" cy="125777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257777"/>
              </a:lnTo>
              <a:lnTo>
                <a:pt x="100354" y="1257777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A127705-9794-4020-8834-08F077B3603E}">
      <dsp:nvSpPr>
        <dsp:cNvPr id="0" name=""/>
        <dsp:cNvSpPr/>
      </dsp:nvSpPr>
      <dsp:spPr>
        <a:xfrm>
          <a:off x="68507" y="1925719"/>
          <a:ext cx="100354" cy="7827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82765"/>
              </a:lnTo>
              <a:lnTo>
                <a:pt x="100354" y="782765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C3A6E30-1F04-4136-8787-73B2EB8F3DE7}">
      <dsp:nvSpPr>
        <dsp:cNvPr id="0" name=""/>
        <dsp:cNvSpPr/>
      </dsp:nvSpPr>
      <dsp:spPr>
        <a:xfrm>
          <a:off x="68507" y="1925719"/>
          <a:ext cx="100354" cy="3077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7754"/>
              </a:lnTo>
              <a:lnTo>
                <a:pt x="100354" y="307754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9A9E873-F625-4CF6-A22A-E56E3B7F91D0}">
      <dsp:nvSpPr>
        <dsp:cNvPr id="0" name=""/>
        <dsp:cNvSpPr/>
      </dsp:nvSpPr>
      <dsp:spPr>
        <a:xfrm>
          <a:off x="336119" y="1450707"/>
          <a:ext cx="809527" cy="140496"/>
        </a:xfrm>
        <a:custGeom>
          <a:avLst/>
          <a:gdLst/>
          <a:ahLst/>
          <a:cxnLst/>
          <a:rect l="0" t="0" r="0" b="0"/>
          <a:pathLst>
            <a:path>
              <a:moveTo>
                <a:pt x="809527" y="0"/>
              </a:moveTo>
              <a:lnTo>
                <a:pt x="809527" y="70248"/>
              </a:lnTo>
              <a:lnTo>
                <a:pt x="0" y="70248"/>
              </a:lnTo>
              <a:lnTo>
                <a:pt x="0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825A2D-8054-4BF1-9C5D-8025932A81FA}">
      <dsp:nvSpPr>
        <dsp:cNvPr id="0" name=""/>
        <dsp:cNvSpPr/>
      </dsp:nvSpPr>
      <dsp:spPr>
        <a:xfrm>
          <a:off x="1099926" y="975695"/>
          <a:ext cx="91440" cy="140496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C171B1D-AF2F-4BBB-BE9B-6FB0DB5EA5C2}">
      <dsp:nvSpPr>
        <dsp:cNvPr id="0" name=""/>
        <dsp:cNvSpPr/>
      </dsp:nvSpPr>
      <dsp:spPr>
        <a:xfrm>
          <a:off x="336119" y="975695"/>
          <a:ext cx="809527" cy="140496"/>
        </a:xfrm>
        <a:custGeom>
          <a:avLst/>
          <a:gdLst/>
          <a:ahLst/>
          <a:cxnLst/>
          <a:rect l="0" t="0" r="0" b="0"/>
          <a:pathLst>
            <a:path>
              <a:moveTo>
                <a:pt x="809527" y="0"/>
              </a:moveTo>
              <a:lnTo>
                <a:pt x="809527" y="70248"/>
              </a:lnTo>
              <a:lnTo>
                <a:pt x="0" y="70248"/>
              </a:lnTo>
              <a:lnTo>
                <a:pt x="0" y="140496"/>
              </a:lnTo>
            </a:path>
          </a:pathLst>
        </a:custGeom>
        <a:noFill/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44DCA96-5E30-435C-94BD-99D9A3567C58}">
      <dsp:nvSpPr>
        <dsp:cNvPr id="0" name=""/>
        <dsp:cNvSpPr/>
      </dsp:nvSpPr>
      <dsp:spPr>
        <a:xfrm>
          <a:off x="1145646" y="500683"/>
          <a:ext cx="404763" cy="140496"/>
        </a:xfrm>
        <a:custGeom>
          <a:avLst/>
          <a:gdLst/>
          <a:ahLst/>
          <a:cxnLst/>
          <a:rect l="0" t="0" r="0" b="0"/>
          <a:pathLst>
            <a:path>
              <a:moveTo>
                <a:pt x="404763" y="0"/>
              </a:moveTo>
              <a:lnTo>
                <a:pt x="404763" y="70248"/>
              </a:lnTo>
              <a:lnTo>
                <a:pt x="0" y="70248"/>
              </a:lnTo>
              <a:lnTo>
                <a:pt x="0" y="140496"/>
              </a:lnTo>
            </a:path>
          </a:pathLst>
        </a:custGeom>
        <a:noFill/>
        <a:ln w="12700" cap="flat" cmpd="sng" algn="ctr">
          <a:solidFill>
            <a:schemeClr val="accent6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D9AB53A-ED68-4235-A653-D9D0E5BA107F}">
      <dsp:nvSpPr>
        <dsp:cNvPr id="0" name=""/>
        <dsp:cNvSpPr/>
      </dsp:nvSpPr>
      <dsp:spPr>
        <a:xfrm>
          <a:off x="336119" y="500683"/>
          <a:ext cx="1214290" cy="140496"/>
        </a:xfrm>
        <a:custGeom>
          <a:avLst/>
          <a:gdLst/>
          <a:ahLst/>
          <a:cxnLst/>
          <a:rect l="0" t="0" r="0" b="0"/>
          <a:pathLst>
            <a:path>
              <a:moveTo>
                <a:pt x="1214290" y="0"/>
              </a:moveTo>
              <a:lnTo>
                <a:pt x="1214290" y="70248"/>
              </a:lnTo>
              <a:lnTo>
                <a:pt x="0" y="70248"/>
              </a:lnTo>
              <a:lnTo>
                <a:pt x="0" y="140496"/>
              </a:lnTo>
            </a:path>
          </a:pathLst>
        </a:custGeom>
        <a:noFill/>
        <a:ln w="12700" cap="flat" cmpd="sng" algn="ctr">
          <a:solidFill>
            <a:schemeClr val="accent6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1F98D30-5E62-40CA-B150-6051697E2291}">
      <dsp:nvSpPr>
        <dsp:cNvPr id="0" name=""/>
        <dsp:cNvSpPr/>
      </dsp:nvSpPr>
      <dsp:spPr>
        <a:xfrm>
          <a:off x="1215894" y="166168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军训旅</a:t>
          </a:r>
        </a:p>
      </dsp:txBody>
      <dsp:txXfrm>
        <a:off x="1215894" y="166168"/>
        <a:ext cx="669030" cy="334515"/>
      </dsp:txXfrm>
    </dsp:sp>
    <dsp:sp modelId="{87D138E4-D482-4C7A-A0FD-D51A856FABD1}">
      <dsp:nvSpPr>
        <dsp:cNvPr id="0" name=""/>
        <dsp:cNvSpPr/>
      </dsp:nvSpPr>
      <dsp:spPr>
        <a:xfrm>
          <a:off x="1603" y="641180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一营</a:t>
          </a:r>
        </a:p>
      </dsp:txBody>
      <dsp:txXfrm>
        <a:off x="1603" y="641180"/>
        <a:ext cx="669030" cy="334515"/>
      </dsp:txXfrm>
    </dsp:sp>
    <dsp:sp modelId="{3580F4F7-86F6-418C-850B-5C912A35D184}">
      <dsp:nvSpPr>
        <dsp:cNvPr id="0" name=""/>
        <dsp:cNvSpPr/>
      </dsp:nvSpPr>
      <dsp:spPr>
        <a:xfrm>
          <a:off x="811131" y="641180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二营</a:t>
          </a:r>
        </a:p>
      </dsp:txBody>
      <dsp:txXfrm>
        <a:off x="811131" y="641180"/>
        <a:ext cx="669030" cy="334515"/>
      </dsp:txXfrm>
    </dsp:sp>
    <dsp:sp modelId="{48696375-5926-4CC8-9A1B-B788907E9AEB}">
      <dsp:nvSpPr>
        <dsp:cNvPr id="0" name=""/>
        <dsp:cNvSpPr/>
      </dsp:nvSpPr>
      <dsp:spPr>
        <a:xfrm>
          <a:off x="1603" y="1116192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一连</a:t>
          </a:r>
        </a:p>
      </dsp:txBody>
      <dsp:txXfrm>
        <a:off x="1603" y="1116192"/>
        <a:ext cx="669030" cy="334515"/>
      </dsp:txXfrm>
    </dsp:sp>
    <dsp:sp modelId="{742D0DDE-AAFD-4747-8052-C72BE9CC0235}">
      <dsp:nvSpPr>
        <dsp:cNvPr id="0" name=""/>
        <dsp:cNvSpPr/>
      </dsp:nvSpPr>
      <dsp:spPr>
        <a:xfrm>
          <a:off x="811131" y="1116192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二连</a:t>
          </a:r>
        </a:p>
      </dsp:txBody>
      <dsp:txXfrm>
        <a:off x="811131" y="1116192"/>
        <a:ext cx="669030" cy="334515"/>
      </dsp:txXfrm>
    </dsp:sp>
    <dsp:sp modelId="{198C57EF-8DB5-44FB-AB2F-FD0EB1D6D9A3}">
      <dsp:nvSpPr>
        <dsp:cNvPr id="0" name=""/>
        <dsp:cNvSpPr/>
      </dsp:nvSpPr>
      <dsp:spPr>
        <a:xfrm>
          <a:off x="1603" y="1591203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一排</a:t>
          </a:r>
        </a:p>
      </dsp:txBody>
      <dsp:txXfrm>
        <a:off x="1603" y="1591203"/>
        <a:ext cx="669030" cy="334515"/>
      </dsp:txXfrm>
    </dsp:sp>
    <dsp:sp modelId="{52094121-5735-4717-A750-53E070EEE078}">
      <dsp:nvSpPr>
        <dsp:cNvPr id="0" name=""/>
        <dsp:cNvSpPr/>
      </dsp:nvSpPr>
      <dsp:spPr>
        <a:xfrm>
          <a:off x="168861" y="2066215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altLang="zh-CN" sz="1500" kern="1200" dirty="0"/>
            <a:t>533</a:t>
          </a:r>
          <a:r>
            <a:rPr lang="zh-CN" altLang="en-US" sz="1500" kern="1200" dirty="0"/>
            <a:t>寝</a:t>
          </a:r>
          <a:endParaRPr lang="en-US" altLang="zh-CN" sz="1500" kern="1200" dirty="0"/>
        </a:p>
      </dsp:txBody>
      <dsp:txXfrm>
        <a:off x="168861" y="2066215"/>
        <a:ext cx="669030" cy="334515"/>
      </dsp:txXfrm>
    </dsp:sp>
    <dsp:sp modelId="{C4771029-8CA7-475A-BC21-E06415D612CA}">
      <dsp:nvSpPr>
        <dsp:cNvPr id="0" name=""/>
        <dsp:cNvSpPr/>
      </dsp:nvSpPr>
      <dsp:spPr>
        <a:xfrm>
          <a:off x="168861" y="2541227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altLang="zh-CN" sz="1500" kern="1200" dirty="0"/>
            <a:t>534</a:t>
          </a:r>
          <a:r>
            <a:rPr lang="zh-CN" altLang="en-US" sz="1500" kern="1200" dirty="0"/>
            <a:t>寝</a:t>
          </a:r>
          <a:endParaRPr lang="en-US" altLang="zh-CN" sz="1500" kern="1200" dirty="0"/>
        </a:p>
      </dsp:txBody>
      <dsp:txXfrm>
        <a:off x="168861" y="2541227"/>
        <a:ext cx="669030" cy="334515"/>
      </dsp:txXfrm>
    </dsp:sp>
    <dsp:sp modelId="{D03DFC88-490E-4F45-B1D4-1AF0FA680981}">
      <dsp:nvSpPr>
        <dsp:cNvPr id="0" name=""/>
        <dsp:cNvSpPr/>
      </dsp:nvSpPr>
      <dsp:spPr>
        <a:xfrm>
          <a:off x="168861" y="3016239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。。。</a:t>
          </a:r>
          <a:endParaRPr lang="en-US" altLang="zh-CN" sz="1500" kern="1200" dirty="0"/>
        </a:p>
      </dsp:txBody>
      <dsp:txXfrm>
        <a:off x="168861" y="3016239"/>
        <a:ext cx="669030" cy="334515"/>
      </dsp:txXfrm>
    </dsp:sp>
    <dsp:sp modelId="{2739ABE5-9717-4FBA-BB04-896187F3B1D7}">
      <dsp:nvSpPr>
        <dsp:cNvPr id="0" name=""/>
        <dsp:cNvSpPr/>
      </dsp:nvSpPr>
      <dsp:spPr>
        <a:xfrm>
          <a:off x="811131" y="1591203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二排</a:t>
          </a:r>
        </a:p>
      </dsp:txBody>
      <dsp:txXfrm>
        <a:off x="811131" y="1591203"/>
        <a:ext cx="669030" cy="334515"/>
      </dsp:txXfrm>
    </dsp:sp>
    <dsp:sp modelId="{8E0474C2-1F47-4067-BA80-977E6E470F20}">
      <dsp:nvSpPr>
        <dsp:cNvPr id="0" name=""/>
        <dsp:cNvSpPr/>
      </dsp:nvSpPr>
      <dsp:spPr>
        <a:xfrm>
          <a:off x="1620658" y="1591203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。。。</a:t>
          </a:r>
        </a:p>
      </dsp:txBody>
      <dsp:txXfrm>
        <a:off x="1620658" y="1591203"/>
        <a:ext cx="669030" cy="334515"/>
      </dsp:txXfrm>
    </dsp:sp>
    <dsp:sp modelId="{BE111270-85F9-4934-83C5-95DC713BC911}">
      <dsp:nvSpPr>
        <dsp:cNvPr id="0" name=""/>
        <dsp:cNvSpPr/>
      </dsp:nvSpPr>
      <dsp:spPr>
        <a:xfrm>
          <a:off x="1620658" y="1116192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。。。</a:t>
          </a:r>
        </a:p>
      </dsp:txBody>
      <dsp:txXfrm>
        <a:off x="1620658" y="1116192"/>
        <a:ext cx="669030" cy="334515"/>
      </dsp:txXfrm>
    </dsp:sp>
    <dsp:sp modelId="{53D2D599-85DE-491D-9AD3-7486BF6B9A01}">
      <dsp:nvSpPr>
        <dsp:cNvPr id="0" name=""/>
        <dsp:cNvSpPr/>
      </dsp:nvSpPr>
      <dsp:spPr>
        <a:xfrm>
          <a:off x="1620658" y="641180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三营</a:t>
          </a:r>
        </a:p>
      </dsp:txBody>
      <dsp:txXfrm>
        <a:off x="1620658" y="641180"/>
        <a:ext cx="669030" cy="334515"/>
      </dsp:txXfrm>
    </dsp:sp>
    <dsp:sp modelId="{9A75B79A-F16E-4583-8D47-6847D8D1D435}">
      <dsp:nvSpPr>
        <dsp:cNvPr id="0" name=""/>
        <dsp:cNvSpPr/>
      </dsp:nvSpPr>
      <dsp:spPr>
        <a:xfrm>
          <a:off x="2430185" y="641180"/>
          <a:ext cx="669030" cy="33451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1500" kern="1200" dirty="0"/>
            <a:t>四营</a:t>
          </a:r>
        </a:p>
      </dsp:txBody>
      <dsp:txXfrm>
        <a:off x="2430185" y="641180"/>
        <a:ext cx="669030" cy="33451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#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ea typeface="+mn-ea"/>
              </a:defRPr>
            </a:lvl1pPr>
          </a:lstStyle>
          <a:p>
            <a:pPr>
              <a:defRPr/>
            </a:pPr>
            <a:fld id="{F0F320F0-D8F3-4ED2-BEFF-6947D113DAF9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zh-CN" altLang="en-US" noProof="0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noProof="0"/>
              <a:t>单击此处编辑母版文本样式</a:t>
            </a:r>
          </a:p>
          <a:p>
            <a:pPr lvl="1"/>
            <a:r>
              <a:rPr lang="zh-CN" altLang="en-US" noProof="0"/>
              <a:t>第二级</a:t>
            </a:r>
          </a:p>
          <a:p>
            <a:pPr lvl="2"/>
            <a:r>
              <a:rPr lang="zh-CN" altLang="en-US" noProof="0"/>
              <a:t>第三级</a:t>
            </a:r>
          </a:p>
          <a:p>
            <a:pPr lvl="3"/>
            <a:r>
              <a:rPr lang="zh-CN" altLang="en-US" noProof="0"/>
              <a:t>第四级</a:t>
            </a:r>
          </a:p>
          <a:p>
            <a:pPr lvl="4"/>
            <a:r>
              <a:rPr lang="zh-CN" altLang="en-US" noProof="0"/>
              <a:t>第五级</a:t>
            </a:r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ea typeface="+mn-ea"/>
              </a:defRPr>
            </a:lvl1pPr>
          </a:lstStyle>
          <a:p>
            <a:pPr>
              <a:defRPr/>
            </a:pPr>
            <a:fld id="{6D1124DE-6E5E-4475-9DDF-B0D42AE9C2EE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8256879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此处编辑母版副标题样式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03783FF-0F8D-451E-9ACA-7C4186AE01AA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C3BACBF-222B-4BF2-ABF1-1A379FB0DB98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9E36934-5258-4739-9D18-DFF7C4DC1725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91BCAAE-48EE-4EC4-888A-14C5AE96DAC9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垂直排列标题与&#10;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983B605-57C7-40DB-9883-8D72AA3B936D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B0AC6B8-2EED-42DB-9CE4-99EE53B533A1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B09D5AA-9567-41BD-94CB-403CE993927F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B6BE6FE-40D6-49A2-80FA-CAE55CB4FA65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880C84D-65A4-4B65-B4E2-6B28C9AC8F95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9C0AF6D-93EA-4BCE-8DC8-9E6B2902DBAD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341C36A-026D-445D-9A12-318D12E4EDC7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9653180-3120-48FF-9B4F-F648CC3CEA9B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9698AF9-6420-40AF-A550-BA49977A0F7A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8C76FB0-0CF7-4F2C-B21B-F2013BEC938F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7F69A45-BA67-4E29-83C6-2E846D183EDC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AE8CB85-E2E1-4B3A-A37B-30F8C4D7A820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48BD6EA-E92D-4A55-AA3F-D1EC448E7D07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51B202F-B981-4A4D-AC20-909202B07521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A068392-4823-4051-9A2D-0DC16100B4FE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E76057E-6C9F-4B34-A239-08D3F4BD36CF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zh-CN" altLang="en-US" noProof="0"/>
              <a:t>单击图标添加图片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C623DF9-39CA-4D81-9A2E-38C49AB135D9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E4F0A91-8913-4EAA-980D-668BA2A38006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100000">
              <a:schemeClr val="bg1">
                <a:lumMod val="85000"/>
              </a:schemeClr>
            </a:gs>
            <a:gs pos="0">
              <a:schemeClr val="accent1">
                <a:lumMod val="5000"/>
                <a:lumOff val="95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628650" y="365125"/>
            <a:ext cx="7886700" cy="13255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zh-CN" altLang="en-US"/>
              <a:t>单击此处编辑母版标题样式</a:t>
            </a:r>
            <a:endParaRPr lang="en-US"/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628650" y="1825625"/>
            <a:ext cx="7886700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</a:defRPr>
            </a:lvl1pPr>
          </a:lstStyle>
          <a:p>
            <a:pPr>
              <a:defRPr/>
            </a:pPr>
            <a:fld id="{6F53EA6A-33F6-4594-A13F-06B836981326}" type="datetimeFigureOut">
              <a:rPr lang="zh-CN" altLang="en-US"/>
              <a:pPr>
                <a:defRPr/>
              </a:pPr>
              <a:t>2016/7/17</a:t>
            </a:fld>
            <a:endParaRPr lang="zh-CN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</a:defRPr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</a:defRPr>
            </a:lvl1pPr>
          </a:lstStyle>
          <a:p>
            <a:pPr>
              <a:defRPr/>
            </a:pPr>
            <a:fld id="{7F9FA5BB-DD86-4740-B732-5F97235A4BAD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  <p:pic>
        <p:nvPicPr>
          <p:cNvPr id="7" name="图片 6"/>
          <p:cNvPicPr>
            <a:picLocks noChangeAspect="1"/>
          </p:cNvPicPr>
          <p:nvPr userDrawn="1"/>
        </p:nvPicPr>
        <p:blipFill>
          <a:blip r:embed="rId13" cstate="print">
            <a:duotone>
              <a:schemeClr val="accent6">
                <a:shade val="45000"/>
                <a:satMod val="135000"/>
              </a:schemeClr>
              <a:prstClr val="white"/>
            </a:duotone>
            <a:extLst/>
          </a:blip>
          <a:stretch>
            <a:fillRect/>
          </a:stretch>
        </p:blipFill>
        <p:spPr>
          <a:xfrm>
            <a:off x="6263729" y="84140"/>
            <a:ext cx="2743199" cy="72099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0" r:id="rId2"/>
    <p:sldLayoutId id="2147483669" r:id="rId3"/>
    <p:sldLayoutId id="2147483668" r:id="rId4"/>
    <p:sldLayoutId id="2147483667" r:id="rId5"/>
    <p:sldLayoutId id="2147483666" r:id="rId6"/>
    <p:sldLayoutId id="2147483665" r:id="rId7"/>
    <p:sldLayoutId id="2147483664" r:id="rId8"/>
    <p:sldLayoutId id="2147483663" r:id="rId9"/>
    <p:sldLayoutId id="2147483662" r:id="rId10"/>
    <p:sldLayoutId id="2147483661" r:id="rId11"/>
  </p:sldLayoutIdLst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Microsoft YaHei UI"/>
          <a:ea typeface="微软雅黑" pitchFamily="34" charset="-122"/>
        </a:defRPr>
      </a:lvl9pPr>
    </p:titleStyle>
    <p:bodyStyle>
      <a:lvl1pPr marL="228600" indent="-228600" algn="l" rtl="0" fontAlgn="base">
        <a:lnSpc>
          <a:spcPct val="90000"/>
        </a:lnSpc>
        <a:spcBef>
          <a:spcPts val="1000"/>
        </a:spcBef>
        <a:spcAft>
          <a:spcPct val="0"/>
        </a:spcAft>
        <a:buFont typeface="Arial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5.png"/><Relationship Id="rId5" Type="http://schemas.openxmlformats.org/officeDocument/2006/relationships/image" Target="../media/image4.jpg"/><Relationship Id="rId4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7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g"/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image" Target="../media/image31.jp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image" Target="../media/image31.jp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image" Target="../media/image33.jp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image" Target="../media/image37.jp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9.jp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g"/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.png"/><Relationship Id="rId4" Type="http://schemas.openxmlformats.org/officeDocument/2006/relationships/image" Target="../media/image42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6.jp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g"/><Relationship Id="rId5" Type="http://schemas.openxmlformats.org/officeDocument/2006/relationships/image" Target="../media/image3.jpg"/><Relationship Id="rId4" Type="http://schemas.openxmlformats.org/officeDocument/2006/relationships/image" Target="../media/image17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 flip="none" rotWithShape="1">
          <a:gsLst>
            <a:gs pos="100000">
              <a:schemeClr val="bg1">
                <a:lumMod val="85000"/>
              </a:schemeClr>
            </a:gs>
            <a:gs pos="0">
              <a:schemeClr val="accent1">
                <a:lumMod val="5000"/>
                <a:lumOff val="95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任意多边形 23"/>
          <p:cNvSpPr/>
          <p:nvPr/>
        </p:nvSpPr>
        <p:spPr>
          <a:xfrm>
            <a:off x="4702175" y="2116138"/>
            <a:ext cx="3217863" cy="2808287"/>
          </a:xfrm>
          <a:custGeom>
            <a:avLst/>
            <a:gdLst/>
            <a:ahLst/>
            <a:cxnLst/>
            <a:rect l="l" t="t" r="r" b="b"/>
            <a:pathLst>
              <a:path w="3217602" h="2809018">
                <a:moveTo>
                  <a:pt x="1537663" y="0"/>
                </a:moveTo>
                <a:cubicBezTo>
                  <a:pt x="1614273" y="0"/>
                  <a:pt x="1697570" y="10336"/>
                  <a:pt x="1787557" y="31009"/>
                </a:cubicBezTo>
                <a:cubicBezTo>
                  <a:pt x="1877542" y="51681"/>
                  <a:pt x="1922535" y="102146"/>
                  <a:pt x="1922535" y="182404"/>
                </a:cubicBezTo>
                <a:cubicBezTo>
                  <a:pt x="1922535" y="221316"/>
                  <a:pt x="1899431" y="260837"/>
                  <a:pt x="1853222" y="300966"/>
                </a:cubicBezTo>
                <a:cubicBezTo>
                  <a:pt x="1807012" y="341095"/>
                  <a:pt x="1759587" y="425609"/>
                  <a:pt x="1710947" y="554507"/>
                </a:cubicBezTo>
                <a:cubicBezTo>
                  <a:pt x="1859302" y="488842"/>
                  <a:pt x="1973000" y="441417"/>
                  <a:pt x="2052042" y="412232"/>
                </a:cubicBezTo>
                <a:cubicBezTo>
                  <a:pt x="2131084" y="383048"/>
                  <a:pt x="2188845" y="368455"/>
                  <a:pt x="2225325" y="368455"/>
                </a:cubicBezTo>
                <a:cubicBezTo>
                  <a:pt x="2261806" y="368455"/>
                  <a:pt x="2300111" y="383656"/>
                  <a:pt x="2340240" y="414056"/>
                </a:cubicBezTo>
                <a:cubicBezTo>
                  <a:pt x="2380369" y="444457"/>
                  <a:pt x="2433265" y="474249"/>
                  <a:pt x="2498931" y="503434"/>
                </a:cubicBezTo>
                <a:cubicBezTo>
                  <a:pt x="2564596" y="532619"/>
                  <a:pt x="2609589" y="567884"/>
                  <a:pt x="2633910" y="609228"/>
                </a:cubicBezTo>
                <a:cubicBezTo>
                  <a:pt x="2658231" y="650573"/>
                  <a:pt x="2670390" y="690094"/>
                  <a:pt x="2670390" y="727791"/>
                </a:cubicBezTo>
                <a:cubicBezTo>
                  <a:pt x="2670390" y="765488"/>
                  <a:pt x="2661879" y="789200"/>
                  <a:pt x="2644854" y="798928"/>
                </a:cubicBezTo>
                <a:cubicBezTo>
                  <a:pt x="2579188" y="830545"/>
                  <a:pt x="2543316" y="875538"/>
                  <a:pt x="2537236" y="933907"/>
                </a:cubicBezTo>
                <a:cubicBezTo>
                  <a:pt x="2531155" y="992276"/>
                  <a:pt x="2511091" y="1078006"/>
                  <a:pt x="2477042" y="1191096"/>
                </a:cubicBezTo>
                <a:cubicBezTo>
                  <a:pt x="2442994" y="1304187"/>
                  <a:pt x="2402866" y="1410589"/>
                  <a:pt x="2356656" y="1510303"/>
                </a:cubicBezTo>
                <a:cubicBezTo>
                  <a:pt x="2349360" y="1527327"/>
                  <a:pt x="2345712" y="1543136"/>
                  <a:pt x="2345712" y="1557728"/>
                </a:cubicBezTo>
                <a:cubicBezTo>
                  <a:pt x="2345712" y="1594209"/>
                  <a:pt x="2359089" y="1612449"/>
                  <a:pt x="2385841" y="1612449"/>
                </a:cubicBezTo>
                <a:cubicBezTo>
                  <a:pt x="2412593" y="1612449"/>
                  <a:pt x="2432050" y="1625825"/>
                  <a:pt x="2444210" y="1652578"/>
                </a:cubicBezTo>
                <a:cubicBezTo>
                  <a:pt x="2456370" y="1679330"/>
                  <a:pt x="2462450" y="1708515"/>
                  <a:pt x="2462450" y="1740132"/>
                </a:cubicBezTo>
                <a:cubicBezTo>
                  <a:pt x="2462450" y="1771748"/>
                  <a:pt x="2449682" y="1810661"/>
                  <a:pt x="2424146" y="1856870"/>
                </a:cubicBezTo>
                <a:cubicBezTo>
                  <a:pt x="2398609" y="1903079"/>
                  <a:pt x="2366385" y="1949288"/>
                  <a:pt x="2327471" y="1995497"/>
                </a:cubicBezTo>
                <a:cubicBezTo>
                  <a:pt x="2317743" y="2005225"/>
                  <a:pt x="2312879" y="2016777"/>
                  <a:pt x="2312879" y="2030154"/>
                </a:cubicBezTo>
                <a:cubicBezTo>
                  <a:pt x="2312879" y="2043530"/>
                  <a:pt x="2318351" y="2050218"/>
                  <a:pt x="2329296" y="2050218"/>
                </a:cubicBezTo>
                <a:cubicBezTo>
                  <a:pt x="2340240" y="2050218"/>
                  <a:pt x="2363952" y="2043530"/>
                  <a:pt x="2400433" y="2030154"/>
                </a:cubicBezTo>
                <a:cubicBezTo>
                  <a:pt x="2436914" y="2016777"/>
                  <a:pt x="2457587" y="1998537"/>
                  <a:pt x="2462450" y="1975432"/>
                </a:cubicBezTo>
                <a:cubicBezTo>
                  <a:pt x="2467314" y="1952328"/>
                  <a:pt x="2483123" y="1932872"/>
                  <a:pt x="2509875" y="1917063"/>
                </a:cubicBezTo>
                <a:cubicBezTo>
                  <a:pt x="2536628" y="1901255"/>
                  <a:pt x="2559733" y="1893351"/>
                  <a:pt x="2579188" y="1893351"/>
                </a:cubicBezTo>
                <a:cubicBezTo>
                  <a:pt x="2622965" y="1893351"/>
                  <a:pt x="2657622" y="1915847"/>
                  <a:pt x="2683159" y="1960840"/>
                </a:cubicBezTo>
                <a:cubicBezTo>
                  <a:pt x="2708695" y="2005833"/>
                  <a:pt x="2721464" y="2048394"/>
                  <a:pt x="2721464" y="2088523"/>
                </a:cubicBezTo>
                <a:cubicBezTo>
                  <a:pt x="2721464" y="2128652"/>
                  <a:pt x="2697751" y="2177293"/>
                  <a:pt x="2650326" y="2234446"/>
                </a:cubicBezTo>
                <a:cubicBezTo>
                  <a:pt x="2602901" y="2291599"/>
                  <a:pt x="2569460" y="2320176"/>
                  <a:pt x="2550004" y="2320176"/>
                </a:cubicBezTo>
                <a:cubicBezTo>
                  <a:pt x="2537844" y="2320176"/>
                  <a:pt x="2525683" y="2309839"/>
                  <a:pt x="2513523" y="2289167"/>
                </a:cubicBezTo>
                <a:cubicBezTo>
                  <a:pt x="2501364" y="2268495"/>
                  <a:pt x="2487987" y="2253902"/>
                  <a:pt x="2473394" y="2245390"/>
                </a:cubicBezTo>
                <a:cubicBezTo>
                  <a:pt x="2458802" y="2236878"/>
                  <a:pt x="2441170" y="2232622"/>
                  <a:pt x="2420498" y="2232622"/>
                </a:cubicBezTo>
                <a:cubicBezTo>
                  <a:pt x="2399824" y="2232622"/>
                  <a:pt x="2372464" y="2241742"/>
                  <a:pt x="2338416" y="2259982"/>
                </a:cubicBezTo>
                <a:cubicBezTo>
                  <a:pt x="2304367" y="2278223"/>
                  <a:pt x="2276398" y="2298287"/>
                  <a:pt x="2254510" y="2320176"/>
                </a:cubicBezTo>
                <a:cubicBezTo>
                  <a:pt x="2232622" y="2342064"/>
                  <a:pt x="2215597" y="2356656"/>
                  <a:pt x="2203437" y="2363952"/>
                </a:cubicBezTo>
                <a:cubicBezTo>
                  <a:pt x="2191277" y="2371249"/>
                  <a:pt x="2170604" y="2374897"/>
                  <a:pt x="2141420" y="2374897"/>
                </a:cubicBezTo>
                <a:cubicBezTo>
                  <a:pt x="2112235" y="2374897"/>
                  <a:pt x="2084266" y="2352400"/>
                  <a:pt x="2057514" y="2307407"/>
                </a:cubicBezTo>
                <a:cubicBezTo>
                  <a:pt x="2030761" y="2262414"/>
                  <a:pt x="2017385" y="2208301"/>
                  <a:pt x="2017385" y="2145068"/>
                </a:cubicBezTo>
                <a:cubicBezTo>
                  <a:pt x="2017385" y="2081835"/>
                  <a:pt x="2040489" y="2035626"/>
                  <a:pt x="2086699" y="2006441"/>
                </a:cubicBezTo>
                <a:cubicBezTo>
                  <a:pt x="2132908" y="1977256"/>
                  <a:pt x="2177900" y="1925575"/>
                  <a:pt x="2221677" y="1851398"/>
                </a:cubicBezTo>
                <a:cubicBezTo>
                  <a:pt x="2265454" y="1777220"/>
                  <a:pt x="2292207" y="1702435"/>
                  <a:pt x="2301935" y="1627041"/>
                </a:cubicBezTo>
                <a:cubicBezTo>
                  <a:pt x="2214381" y="1612449"/>
                  <a:pt x="2156012" y="1600897"/>
                  <a:pt x="2126827" y="1592384"/>
                </a:cubicBezTo>
                <a:cubicBezTo>
                  <a:pt x="2097643" y="1583872"/>
                  <a:pt x="2083051" y="1575360"/>
                  <a:pt x="2083051" y="1566848"/>
                </a:cubicBezTo>
                <a:cubicBezTo>
                  <a:pt x="2083051" y="1558336"/>
                  <a:pt x="2085483" y="1550432"/>
                  <a:pt x="2090347" y="1543136"/>
                </a:cubicBezTo>
                <a:cubicBezTo>
                  <a:pt x="2078187" y="1518815"/>
                  <a:pt x="2056298" y="1506655"/>
                  <a:pt x="2024681" y="1506655"/>
                </a:cubicBezTo>
                <a:cubicBezTo>
                  <a:pt x="1993064" y="1506655"/>
                  <a:pt x="1955368" y="1518815"/>
                  <a:pt x="1911591" y="1543136"/>
                </a:cubicBezTo>
                <a:cubicBezTo>
                  <a:pt x="1867814" y="1567456"/>
                  <a:pt x="1838630" y="1597857"/>
                  <a:pt x="1824037" y="1634337"/>
                </a:cubicBezTo>
                <a:cubicBezTo>
                  <a:pt x="1901862" y="1634337"/>
                  <a:pt x="1961448" y="1644674"/>
                  <a:pt x="2002793" y="1665346"/>
                </a:cubicBezTo>
                <a:cubicBezTo>
                  <a:pt x="2044137" y="1686018"/>
                  <a:pt x="2064810" y="1710339"/>
                  <a:pt x="2064810" y="1738307"/>
                </a:cubicBezTo>
                <a:cubicBezTo>
                  <a:pt x="2064810" y="1766276"/>
                  <a:pt x="2057514" y="1791205"/>
                  <a:pt x="2042922" y="1813093"/>
                </a:cubicBezTo>
                <a:cubicBezTo>
                  <a:pt x="1962664" y="1932264"/>
                  <a:pt x="1903079" y="2024073"/>
                  <a:pt x="1864166" y="2088523"/>
                </a:cubicBezTo>
                <a:cubicBezTo>
                  <a:pt x="1825253" y="2152972"/>
                  <a:pt x="1800933" y="2197965"/>
                  <a:pt x="1791205" y="2223502"/>
                </a:cubicBezTo>
                <a:cubicBezTo>
                  <a:pt x="1781476" y="2249038"/>
                  <a:pt x="1776612" y="2276399"/>
                  <a:pt x="1776612" y="2305583"/>
                </a:cubicBezTo>
                <a:cubicBezTo>
                  <a:pt x="1776612" y="2422322"/>
                  <a:pt x="1824646" y="2495283"/>
                  <a:pt x="1920711" y="2524468"/>
                </a:cubicBezTo>
                <a:cubicBezTo>
                  <a:pt x="2016777" y="2553652"/>
                  <a:pt x="2141420" y="2568245"/>
                  <a:pt x="2294639" y="2568245"/>
                </a:cubicBezTo>
                <a:cubicBezTo>
                  <a:pt x="2605941" y="2568245"/>
                  <a:pt x="2800506" y="2529332"/>
                  <a:pt x="2878331" y="2451506"/>
                </a:cubicBezTo>
                <a:cubicBezTo>
                  <a:pt x="2956156" y="2373681"/>
                  <a:pt x="3004798" y="2241134"/>
                  <a:pt x="3024254" y="2053866"/>
                </a:cubicBezTo>
                <a:cubicBezTo>
                  <a:pt x="3029117" y="2005225"/>
                  <a:pt x="3036414" y="1980905"/>
                  <a:pt x="3046143" y="1980905"/>
                </a:cubicBezTo>
                <a:cubicBezTo>
                  <a:pt x="3063167" y="1980905"/>
                  <a:pt x="3095999" y="2070282"/>
                  <a:pt x="3144641" y="2249038"/>
                </a:cubicBezTo>
                <a:cubicBezTo>
                  <a:pt x="3193281" y="2427794"/>
                  <a:pt x="3217602" y="2546964"/>
                  <a:pt x="3217602" y="2606549"/>
                </a:cubicBezTo>
                <a:cubicBezTo>
                  <a:pt x="3217602" y="2666134"/>
                  <a:pt x="3202401" y="2706872"/>
                  <a:pt x="3172001" y="2728760"/>
                </a:cubicBezTo>
                <a:cubicBezTo>
                  <a:pt x="3141601" y="2750648"/>
                  <a:pt x="3033374" y="2769497"/>
                  <a:pt x="2847322" y="2785305"/>
                </a:cubicBezTo>
                <a:cubicBezTo>
                  <a:pt x="2661270" y="2801113"/>
                  <a:pt x="2484338" y="2809018"/>
                  <a:pt x="2316527" y="2809018"/>
                </a:cubicBezTo>
                <a:cubicBezTo>
                  <a:pt x="2148716" y="2809018"/>
                  <a:pt x="2016169" y="2787129"/>
                  <a:pt x="1918887" y="2743352"/>
                </a:cubicBezTo>
                <a:cubicBezTo>
                  <a:pt x="1821605" y="2699575"/>
                  <a:pt x="1741955" y="2644854"/>
                  <a:pt x="1679938" y="2579189"/>
                </a:cubicBezTo>
                <a:cubicBezTo>
                  <a:pt x="1617921" y="2513523"/>
                  <a:pt x="1586912" y="2442994"/>
                  <a:pt x="1586912" y="2367600"/>
                </a:cubicBezTo>
                <a:cubicBezTo>
                  <a:pt x="1586912" y="2292207"/>
                  <a:pt x="1602721" y="2213773"/>
                  <a:pt x="1634337" y="2132300"/>
                </a:cubicBezTo>
                <a:cubicBezTo>
                  <a:pt x="1665954" y="2050826"/>
                  <a:pt x="1697570" y="1989417"/>
                  <a:pt x="1729187" y="1948072"/>
                </a:cubicBezTo>
                <a:cubicBezTo>
                  <a:pt x="1760804" y="1906727"/>
                  <a:pt x="1784517" y="1866598"/>
                  <a:pt x="1800324" y="1827685"/>
                </a:cubicBezTo>
                <a:cubicBezTo>
                  <a:pt x="1816133" y="1788773"/>
                  <a:pt x="1824037" y="1760196"/>
                  <a:pt x="1824037" y="1741956"/>
                </a:cubicBezTo>
                <a:cubicBezTo>
                  <a:pt x="1824037" y="1723715"/>
                  <a:pt x="1816133" y="1714595"/>
                  <a:pt x="1800324" y="1714595"/>
                </a:cubicBezTo>
                <a:cubicBezTo>
                  <a:pt x="1784517" y="1714595"/>
                  <a:pt x="1770532" y="1725539"/>
                  <a:pt x="1758372" y="1747428"/>
                </a:cubicBezTo>
                <a:cubicBezTo>
                  <a:pt x="1714595" y="1825253"/>
                  <a:pt x="1630081" y="1934696"/>
                  <a:pt x="1504831" y="2075755"/>
                </a:cubicBezTo>
                <a:cubicBezTo>
                  <a:pt x="1379580" y="2216813"/>
                  <a:pt x="1256762" y="2342672"/>
                  <a:pt x="1136375" y="2453330"/>
                </a:cubicBezTo>
                <a:cubicBezTo>
                  <a:pt x="1015989" y="2563988"/>
                  <a:pt x="949715" y="2621750"/>
                  <a:pt x="937555" y="2626614"/>
                </a:cubicBezTo>
                <a:cubicBezTo>
                  <a:pt x="925395" y="2631478"/>
                  <a:pt x="915667" y="2633910"/>
                  <a:pt x="908371" y="2633910"/>
                </a:cubicBezTo>
                <a:cubicBezTo>
                  <a:pt x="871890" y="2633910"/>
                  <a:pt x="853650" y="2609589"/>
                  <a:pt x="853650" y="2560948"/>
                </a:cubicBezTo>
                <a:cubicBezTo>
                  <a:pt x="853650" y="2526900"/>
                  <a:pt x="865810" y="2496499"/>
                  <a:pt x="890130" y="2469746"/>
                </a:cubicBezTo>
                <a:cubicBezTo>
                  <a:pt x="1208729" y="2131692"/>
                  <a:pt x="1382620" y="1915239"/>
                  <a:pt x="1411805" y="1820389"/>
                </a:cubicBezTo>
                <a:cubicBezTo>
                  <a:pt x="1309658" y="1876326"/>
                  <a:pt x="1234265" y="1904295"/>
                  <a:pt x="1185624" y="1904295"/>
                </a:cubicBezTo>
                <a:cubicBezTo>
                  <a:pt x="1122391" y="1904295"/>
                  <a:pt x="1073750" y="1850790"/>
                  <a:pt x="1039701" y="1743780"/>
                </a:cubicBezTo>
                <a:cubicBezTo>
                  <a:pt x="930259" y="1763236"/>
                  <a:pt x="820209" y="1816741"/>
                  <a:pt x="709551" y="1904295"/>
                </a:cubicBezTo>
                <a:cubicBezTo>
                  <a:pt x="598892" y="1991849"/>
                  <a:pt x="543563" y="2052650"/>
                  <a:pt x="543563" y="2086699"/>
                </a:cubicBezTo>
                <a:cubicBezTo>
                  <a:pt x="543563" y="2145068"/>
                  <a:pt x="509514" y="2174253"/>
                  <a:pt x="441417" y="2174253"/>
                </a:cubicBezTo>
                <a:cubicBezTo>
                  <a:pt x="373320" y="2174253"/>
                  <a:pt x="318599" y="2142636"/>
                  <a:pt x="277254" y="2079403"/>
                </a:cubicBezTo>
                <a:cubicBezTo>
                  <a:pt x="235909" y="2016169"/>
                  <a:pt x="215236" y="1940776"/>
                  <a:pt x="215236" y="1853222"/>
                </a:cubicBezTo>
                <a:cubicBezTo>
                  <a:pt x="215236" y="1836198"/>
                  <a:pt x="217668" y="1814309"/>
                  <a:pt x="222532" y="1787556"/>
                </a:cubicBezTo>
                <a:cubicBezTo>
                  <a:pt x="227397" y="1760804"/>
                  <a:pt x="243813" y="1730403"/>
                  <a:pt x="271782" y="1696355"/>
                </a:cubicBezTo>
                <a:cubicBezTo>
                  <a:pt x="299750" y="1662306"/>
                  <a:pt x="381832" y="1545568"/>
                  <a:pt x="518026" y="1346140"/>
                </a:cubicBezTo>
                <a:cubicBezTo>
                  <a:pt x="411016" y="1414237"/>
                  <a:pt x="282118" y="1507871"/>
                  <a:pt x="131331" y="1627041"/>
                </a:cubicBezTo>
                <a:cubicBezTo>
                  <a:pt x="121603" y="1634337"/>
                  <a:pt x="113090" y="1637985"/>
                  <a:pt x="105794" y="1637985"/>
                </a:cubicBezTo>
                <a:cubicBezTo>
                  <a:pt x="76609" y="1637985"/>
                  <a:pt x="51681" y="1608801"/>
                  <a:pt x="31008" y="1550432"/>
                </a:cubicBezTo>
                <a:cubicBezTo>
                  <a:pt x="10336" y="1492063"/>
                  <a:pt x="0" y="1433085"/>
                  <a:pt x="0" y="1373500"/>
                </a:cubicBezTo>
                <a:cubicBezTo>
                  <a:pt x="0" y="1313915"/>
                  <a:pt x="11552" y="1273786"/>
                  <a:pt x="34656" y="1253114"/>
                </a:cubicBezTo>
                <a:cubicBezTo>
                  <a:pt x="57761" y="1232441"/>
                  <a:pt x="94850" y="1219673"/>
                  <a:pt x="145923" y="1214809"/>
                </a:cubicBezTo>
                <a:cubicBezTo>
                  <a:pt x="277254" y="1110231"/>
                  <a:pt x="420745" y="958228"/>
                  <a:pt x="576396" y="758800"/>
                </a:cubicBezTo>
                <a:cubicBezTo>
                  <a:pt x="420745" y="581260"/>
                  <a:pt x="342919" y="468169"/>
                  <a:pt x="342919" y="419528"/>
                </a:cubicBezTo>
                <a:cubicBezTo>
                  <a:pt x="342919" y="383048"/>
                  <a:pt x="366631" y="370279"/>
                  <a:pt x="414056" y="381224"/>
                </a:cubicBezTo>
                <a:cubicBezTo>
                  <a:pt x="461481" y="392168"/>
                  <a:pt x="507082" y="397640"/>
                  <a:pt x="550859" y="397640"/>
                </a:cubicBezTo>
                <a:cubicBezTo>
                  <a:pt x="582476" y="397640"/>
                  <a:pt x="637197" y="383656"/>
                  <a:pt x="715023" y="355687"/>
                </a:cubicBezTo>
                <a:cubicBezTo>
                  <a:pt x="792848" y="327718"/>
                  <a:pt x="853650" y="299142"/>
                  <a:pt x="897426" y="269957"/>
                </a:cubicBezTo>
                <a:cubicBezTo>
                  <a:pt x="916883" y="257797"/>
                  <a:pt x="936947" y="251717"/>
                  <a:pt x="957619" y="251717"/>
                </a:cubicBezTo>
                <a:cubicBezTo>
                  <a:pt x="978292" y="251717"/>
                  <a:pt x="1013557" y="274821"/>
                  <a:pt x="1063414" y="321030"/>
                </a:cubicBezTo>
                <a:cubicBezTo>
                  <a:pt x="1113270" y="367239"/>
                  <a:pt x="1138199" y="403112"/>
                  <a:pt x="1138199" y="428649"/>
                </a:cubicBezTo>
                <a:cubicBezTo>
                  <a:pt x="1138199" y="454185"/>
                  <a:pt x="1130903" y="479722"/>
                  <a:pt x="1116310" y="505258"/>
                </a:cubicBezTo>
                <a:cubicBezTo>
                  <a:pt x="1101718" y="530795"/>
                  <a:pt x="1063414" y="578220"/>
                  <a:pt x="1001396" y="647533"/>
                </a:cubicBezTo>
                <a:cubicBezTo>
                  <a:pt x="939379" y="716847"/>
                  <a:pt x="863378" y="791024"/>
                  <a:pt x="773392" y="870066"/>
                </a:cubicBezTo>
                <a:cubicBezTo>
                  <a:pt x="683406" y="949107"/>
                  <a:pt x="567883" y="1042133"/>
                  <a:pt x="426825" y="1149144"/>
                </a:cubicBezTo>
                <a:cubicBezTo>
                  <a:pt x="555724" y="1115095"/>
                  <a:pt x="648141" y="1073750"/>
                  <a:pt x="704079" y="1025109"/>
                </a:cubicBezTo>
                <a:cubicBezTo>
                  <a:pt x="711375" y="1005652"/>
                  <a:pt x="730831" y="989844"/>
                  <a:pt x="762448" y="977684"/>
                </a:cubicBezTo>
                <a:cubicBezTo>
                  <a:pt x="794064" y="965524"/>
                  <a:pt x="820209" y="959444"/>
                  <a:pt x="840881" y="959444"/>
                </a:cubicBezTo>
                <a:cubicBezTo>
                  <a:pt x="861553" y="959444"/>
                  <a:pt x="876754" y="960660"/>
                  <a:pt x="886482" y="963092"/>
                </a:cubicBezTo>
                <a:cubicBezTo>
                  <a:pt x="913235" y="955795"/>
                  <a:pt x="937555" y="952147"/>
                  <a:pt x="959444" y="952147"/>
                </a:cubicBezTo>
                <a:cubicBezTo>
                  <a:pt x="981332" y="952147"/>
                  <a:pt x="1000788" y="969780"/>
                  <a:pt x="1017813" y="1005045"/>
                </a:cubicBezTo>
                <a:cubicBezTo>
                  <a:pt x="1034837" y="1040309"/>
                  <a:pt x="1043349" y="1066454"/>
                  <a:pt x="1043349" y="1083478"/>
                </a:cubicBezTo>
                <a:cubicBezTo>
                  <a:pt x="1043349" y="1144279"/>
                  <a:pt x="967956" y="1211161"/>
                  <a:pt x="817169" y="1284122"/>
                </a:cubicBezTo>
                <a:cubicBezTo>
                  <a:pt x="717454" y="1488414"/>
                  <a:pt x="618957" y="1636769"/>
                  <a:pt x="521675" y="1729187"/>
                </a:cubicBezTo>
                <a:cubicBezTo>
                  <a:pt x="650573" y="1690275"/>
                  <a:pt x="772176" y="1644066"/>
                  <a:pt x="886482" y="1590560"/>
                </a:cubicBezTo>
                <a:cubicBezTo>
                  <a:pt x="864594" y="1551648"/>
                  <a:pt x="853650" y="1513343"/>
                  <a:pt x="853650" y="1475646"/>
                </a:cubicBezTo>
                <a:cubicBezTo>
                  <a:pt x="853650" y="1437949"/>
                  <a:pt x="866418" y="1406941"/>
                  <a:pt x="891954" y="1382620"/>
                </a:cubicBezTo>
                <a:cubicBezTo>
                  <a:pt x="917490" y="1358300"/>
                  <a:pt x="946067" y="1346140"/>
                  <a:pt x="977684" y="1346140"/>
                </a:cubicBezTo>
                <a:cubicBezTo>
                  <a:pt x="1053077" y="1346140"/>
                  <a:pt x="1136983" y="1422749"/>
                  <a:pt x="1229401" y="1575968"/>
                </a:cubicBezTo>
                <a:cubicBezTo>
                  <a:pt x="1278042" y="1556512"/>
                  <a:pt x="1313306" y="1533407"/>
                  <a:pt x="1335195" y="1506655"/>
                </a:cubicBezTo>
                <a:cubicBezTo>
                  <a:pt x="1308442" y="1450718"/>
                  <a:pt x="1289594" y="1401469"/>
                  <a:pt x="1278650" y="1358908"/>
                </a:cubicBezTo>
                <a:cubicBezTo>
                  <a:pt x="1267706" y="1316347"/>
                  <a:pt x="1260410" y="1256154"/>
                  <a:pt x="1256762" y="1178328"/>
                </a:cubicBezTo>
                <a:cubicBezTo>
                  <a:pt x="1253114" y="1100503"/>
                  <a:pt x="1244601" y="1044565"/>
                  <a:pt x="1231225" y="1010517"/>
                </a:cubicBezTo>
                <a:cubicBezTo>
                  <a:pt x="1217849" y="976468"/>
                  <a:pt x="1205080" y="954579"/>
                  <a:pt x="1192920" y="944851"/>
                </a:cubicBezTo>
                <a:cubicBezTo>
                  <a:pt x="1163735" y="920531"/>
                  <a:pt x="1149143" y="888914"/>
                  <a:pt x="1149143" y="850001"/>
                </a:cubicBezTo>
                <a:cubicBezTo>
                  <a:pt x="1149143" y="789200"/>
                  <a:pt x="1181976" y="735695"/>
                  <a:pt x="1247641" y="689486"/>
                </a:cubicBezTo>
                <a:cubicBezTo>
                  <a:pt x="1296282" y="655437"/>
                  <a:pt x="1361948" y="578828"/>
                  <a:pt x="1444637" y="459657"/>
                </a:cubicBezTo>
                <a:cubicBezTo>
                  <a:pt x="1527327" y="340487"/>
                  <a:pt x="1568672" y="254149"/>
                  <a:pt x="1568672" y="200644"/>
                </a:cubicBezTo>
                <a:cubicBezTo>
                  <a:pt x="1568672" y="178755"/>
                  <a:pt x="1560768" y="158691"/>
                  <a:pt x="1544959" y="140451"/>
                </a:cubicBezTo>
                <a:cubicBezTo>
                  <a:pt x="1529151" y="122210"/>
                  <a:pt x="1498142" y="96066"/>
                  <a:pt x="1451933" y="62017"/>
                </a:cubicBezTo>
                <a:cubicBezTo>
                  <a:pt x="1432477" y="47425"/>
                  <a:pt x="1422749" y="33441"/>
                  <a:pt x="1422749" y="20064"/>
                </a:cubicBezTo>
                <a:cubicBezTo>
                  <a:pt x="1422749" y="6688"/>
                  <a:pt x="1461054" y="0"/>
                  <a:pt x="1537663" y="0"/>
                </a:cubicBezTo>
                <a:close/>
                <a:moveTo>
                  <a:pt x="1546783" y="660301"/>
                </a:moveTo>
                <a:cubicBezTo>
                  <a:pt x="1451933" y="711375"/>
                  <a:pt x="1372892" y="744207"/>
                  <a:pt x="1309658" y="758800"/>
                </a:cubicBezTo>
                <a:cubicBezTo>
                  <a:pt x="1331547" y="790416"/>
                  <a:pt x="1358300" y="831761"/>
                  <a:pt x="1389916" y="882834"/>
                </a:cubicBezTo>
                <a:cubicBezTo>
                  <a:pt x="1426397" y="812305"/>
                  <a:pt x="1478686" y="738127"/>
                  <a:pt x="1546783" y="660301"/>
                </a:cubicBezTo>
                <a:close/>
                <a:moveTo>
                  <a:pt x="1597857" y="766096"/>
                </a:moveTo>
                <a:cubicBezTo>
                  <a:pt x="1566240" y="766096"/>
                  <a:pt x="1538271" y="772784"/>
                  <a:pt x="1513951" y="786160"/>
                </a:cubicBezTo>
                <a:cubicBezTo>
                  <a:pt x="1489631" y="799536"/>
                  <a:pt x="1470174" y="820817"/>
                  <a:pt x="1455581" y="850001"/>
                </a:cubicBezTo>
                <a:cubicBezTo>
                  <a:pt x="1440989" y="879186"/>
                  <a:pt x="1433085" y="908371"/>
                  <a:pt x="1431869" y="937555"/>
                </a:cubicBezTo>
                <a:cubicBezTo>
                  <a:pt x="1430653" y="966740"/>
                  <a:pt x="1431261" y="1010517"/>
                  <a:pt x="1433693" y="1068886"/>
                </a:cubicBezTo>
                <a:cubicBezTo>
                  <a:pt x="1526111" y="1022677"/>
                  <a:pt x="1618529" y="980116"/>
                  <a:pt x="1710947" y="941203"/>
                </a:cubicBezTo>
                <a:cubicBezTo>
                  <a:pt x="1713379" y="894994"/>
                  <a:pt x="1712162" y="842705"/>
                  <a:pt x="1707299" y="784336"/>
                </a:cubicBezTo>
                <a:cubicBezTo>
                  <a:pt x="1665954" y="772176"/>
                  <a:pt x="1629473" y="766096"/>
                  <a:pt x="1597857" y="766096"/>
                </a:cubicBezTo>
                <a:close/>
                <a:moveTo>
                  <a:pt x="1470174" y="1262234"/>
                </a:moveTo>
                <a:cubicBezTo>
                  <a:pt x="1465309" y="1313307"/>
                  <a:pt x="1470174" y="1366812"/>
                  <a:pt x="1484766" y="1422749"/>
                </a:cubicBezTo>
                <a:cubicBezTo>
                  <a:pt x="1526111" y="1398429"/>
                  <a:pt x="1574752" y="1357084"/>
                  <a:pt x="1630689" y="1298715"/>
                </a:cubicBezTo>
                <a:cubicBezTo>
                  <a:pt x="1577185" y="1274394"/>
                  <a:pt x="1523679" y="1262234"/>
                  <a:pt x="1470174" y="1262234"/>
                </a:cubicBezTo>
                <a:close/>
                <a:moveTo>
                  <a:pt x="2234446" y="521674"/>
                </a:moveTo>
                <a:cubicBezTo>
                  <a:pt x="2216205" y="521674"/>
                  <a:pt x="2197357" y="528971"/>
                  <a:pt x="2177900" y="543563"/>
                </a:cubicBezTo>
                <a:cubicBezTo>
                  <a:pt x="2136556" y="570315"/>
                  <a:pt x="2064810" y="595852"/>
                  <a:pt x="1962664" y="620173"/>
                </a:cubicBezTo>
                <a:cubicBezTo>
                  <a:pt x="1969960" y="680974"/>
                  <a:pt x="1982120" y="753935"/>
                  <a:pt x="1999145" y="839057"/>
                </a:cubicBezTo>
                <a:cubicBezTo>
                  <a:pt x="2079403" y="856082"/>
                  <a:pt x="2119531" y="905939"/>
                  <a:pt x="2119531" y="988628"/>
                </a:cubicBezTo>
                <a:cubicBezTo>
                  <a:pt x="2119531" y="1034837"/>
                  <a:pt x="2101899" y="1069494"/>
                  <a:pt x="2066634" y="1092598"/>
                </a:cubicBezTo>
                <a:cubicBezTo>
                  <a:pt x="2031369" y="1115703"/>
                  <a:pt x="2001577" y="1139415"/>
                  <a:pt x="1977256" y="1163736"/>
                </a:cubicBezTo>
                <a:cubicBezTo>
                  <a:pt x="1952935" y="1188056"/>
                  <a:pt x="1938951" y="1211161"/>
                  <a:pt x="1935303" y="1233049"/>
                </a:cubicBezTo>
                <a:cubicBezTo>
                  <a:pt x="1931655" y="1254938"/>
                  <a:pt x="1929832" y="1282906"/>
                  <a:pt x="1929832" y="1316955"/>
                </a:cubicBezTo>
                <a:cubicBezTo>
                  <a:pt x="2000360" y="1299931"/>
                  <a:pt x="2053866" y="1291418"/>
                  <a:pt x="2090347" y="1291418"/>
                </a:cubicBezTo>
                <a:cubicBezTo>
                  <a:pt x="2126827" y="1291418"/>
                  <a:pt x="2157228" y="1302363"/>
                  <a:pt x="2181549" y="1324251"/>
                </a:cubicBezTo>
                <a:cubicBezTo>
                  <a:pt x="2210733" y="1270746"/>
                  <a:pt x="2244174" y="1168600"/>
                  <a:pt x="2281871" y="1017813"/>
                </a:cubicBezTo>
                <a:cubicBezTo>
                  <a:pt x="2319567" y="867026"/>
                  <a:pt x="2338416" y="766704"/>
                  <a:pt x="2338416" y="716847"/>
                </a:cubicBezTo>
                <a:cubicBezTo>
                  <a:pt x="2338416" y="666990"/>
                  <a:pt x="2325648" y="621997"/>
                  <a:pt x="2300111" y="581868"/>
                </a:cubicBezTo>
                <a:cubicBezTo>
                  <a:pt x="2274575" y="541739"/>
                  <a:pt x="2252686" y="521674"/>
                  <a:pt x="2234446" y="521674"/>
                </a:cubicBezTo>
                <a:close/>
              </a:path>
            </a:pathLst>
          </a:custGeom>
          <a:solidFill>
            <a:schemeClr val="tx1">
              <a:lumMod val="50000"/>
              <a:lumOff val="50000"/>
              <a:alpha val="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0" y="4329113"/>
            <a:ext cx="9144000" cy="2528887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26" name="组合 25"/>
          <p:cNvGrpSpPr/>
          <p:nvPr/>
        </p:nvGrpSpPr>
        <p:grpSpPr>
          <a:xfrm>
            <a:off x="552422" y="861337"/>
            <a:ext cx="3243138" cy="3166529"/>
            <a:chOff x="-1855351" y="1280575"/>
            <a:chExt cx="3243138" cy="3166529"/>
          </a:xfrm>
          <a:solidFill>
            <a:schemeClr val="tx1">
              <a:lumMod val="50000"/>
              <a:lumOff val="50000"/>
              <a:alpha val="0"/>
            </a:schemeClr>
          </a:solidFill>
        </p:grpSpPr>
        <p:sp>
          <p:nvSpPr>
            <p:cNvPr id="25" name="任意多边形 24"/>
            <p:cNvSpPr/>
            <p:nvPr/>
          </p:nvSpPr>
          <p:spPr>
            <a:xfrm>
              <a:off x="-337753" y="1280575"/>
              <a:ext cx="1725540" cy="3166529"/>
            </a:xfrm>
            <a:custGeom>
              <a:avLst/>
              <a:gdLst/>
              <a:ahLst/>
              <a:cxnLst/>
              <a:rect l="l" t="t" r="r" b="b"/>
              <a:pathLst>
                <a:path w="1725540" h="3166529">
                  <a:moveTo>
                    <a:pt x="809873" y="0"/>
                  </a:moveTo>
                  <a:cubicBezTo>
                    <a:pt x="885266" y="0"/>
                    <a:pt x="944244" y="37089"/>
                    <a:pt x="986804" y="111266"/>
                  </a:cubicBezTo>
                  <a:cubicBezTo>
                    <a:pt x="1029365" y="185444"/>
                    <a:pt x="1050646" y="248677"/>
                    <a:pt x="1050646" y="300966"/>
                  </a:cubicBezTo>
                  <a:cubicBezTo>
                    <a:pt x="1050646" y="353255"/>
                    <a:pt x="1044566" y="414665"/>
                    <a:pt x="1032405" y="485194"/>
                  </a:cubicBezTo>
                  <a:cubicBezTo>
                    <a:pt x="1098071" y="460873"/>
                    <a:pt x="1157048" y="448713"/>
                    <a:pt x="1209337" y="448713"/>
                  </a:cubicBezTo>
                  <a:cubicBezTo>
                    <a:pt x="1261626" y="448713"/>
                    <a:pt x="1309659" y="465130"/>
                    <a:pt x="1353436" y="497962"/>
                  </a:cubicBezTo>
                  <a:cubicBezTo>
                    <a:pt x="1397213" y="530795"/>
                    <a:pt x="1419101" y="567884"/>
                    <a:pt x="1419101" y="609229"/>
                  </a:cubicBezTo>
                  <a:cubicBezTo>
                    <a:pt x="1419101" y="650573"/>
                    <a:pt x="1394173" y="684622"/>
                    <a:pt x="1344316" y="711375"/>
                  </a:cubicBezTo>
                  <a:cubicBezTo>
                    <a:pt x="1294459" y="738127"/>
                    <a:pt x="1240346" y="781296"/>
                    <a:pt x="1181977" y="840881"/>
                  </a:cubicBezTo>
                  <a:cubicBezTo>
                    <a:pt x="1123608" y="900467"/>
                    <a:pt x="1094423" y="937555"/>
                    <a:pt x="1094423" y="952148"/>
                  </a:cubicBezTo>
                  <a:cubicBezTo>
                    <a:pt x="1094423" y="964308"/>
                    <a:pt x="1109015" y="970388"/>
                    <a:pt x="1138200" y="970388"/>
                  </a:cubicBezTo>
                  <a:cubicBezTo>
                    <a:pt x="1167384" y="970388"/>
                    <a:pt x="1199001" y="988629"/>
                    <a:pt x="1233050" y="1025109"/>
                  </a:cubicBezTo>
                  <a:cubicBezTo>
                    <a:pt x="1267098" y="1061590"/>
                    <a:pt x="1284123" y="1092599"/>
                    <a:pt x="1284123" y="1118135"/>
                  </a:cubicBezTo>
                  <a:cubicBezTo>
                    <a:pt x="1284123" y="1143672"/>
                    <a:pt x="1272570" y="1164344"/>
                    <a:pt x="1249466" y="1180152"/>
                  </a:cubicBezTo>
                  <a:cubicBezTo>
                    <a:pt x="1226362" y="1195961"/>
                    <a:pt x="1206297" y="1218457"/>
                    <a:pt x="1189273" y="1247642"/>
                  </a:cubicBezTo>
                  <a:cubicBezTo>
                    <a:pt x="1218457" y="1298715"/>
                    <a:pt x="1269530" y="1332156"/>
                    <a:pt x="1342492" y="1347964"/>
                  </a:cubicBezTo>
                  <a:cubicBezTo>
                    <a:pt x="1415454" y="1363772"/>
                    <a:pt x="1467743" y="1388701"/>
                    <a:pt x="1499359" y="1422749"/>
                  </a:cubicBezTo>
                  <a:cubicBezTo>
                    <a:pt x="1530976" y="1456798"/>
                    <a:pt x="1546784" y="1488415"/>
                    <a:pt x="1546784" y="1517599"/>
                  </a:cubicBezTo>
                  <a:cubicBezTo>
                    <a:pt x="1546784" y="1546784"/>
                    <a:pt x="1527328" y="1561376"/>
                    <a:pt x="1488415" y="1561376"/>
                  </a:cubicBezTo>
                  <a:cubicBezTo>
                    <a:pt x="1473823" y="1561376"/>
                    <a:pt x="1453758" y="1557728"/>
                    <a:pt x="1428222" y="1550432"/>
                  </a:cubicBezTo>
                  <a:cubicBezTo>
                    <a:pt x="1402685" y="1543136"/>
                    <a:pt x="1370460" y="1539488"/>
                    <a:pt x="1331548" y="1539488"/>
                  </a:cubicBezTo>
                  <a:cubicBezTo>
                    <a:pt x="1173465" y="1539488"/>
                    <a:pt x="980116" y="1608801"/>
                    <a:pt x="751504" y="1747428"/>
                  </a:cubicBezTo>
                  <a:cubicBezTo>
                    <a:pt x="710159" y="1791205"/>
                    <a:pt x="685838" y="1862950"/>
                    <a:pt x="678542" y="1962664"/>
                  </a:cubicBezTo>
                  <a:cubicBezTo>
                    <a:pt x="795281" y="1926184"/>
                    <a:pt x="908371" y="1894567"/>
                    <a:pt x="1017813" y="1867814"/>
                  </a:cubicBezTo>
                  <a:cubicBezTo>
                    <a:pt x="1008085" y="1845926"/>
                    <a:pt x="1003221" y="1823430"/>
                    <a:pt x="1003221" y="1800325"/>
                  </a:cubicBezTo>
                  <a:cubicBezTo>
                    <a:pt x="1003221" y="1777221"/>
                    <a:pt x="1012949" y="1758372"/>
                    <a:pt x="1032405" y="1743780"/>
                  </a:cubicBezTo>
                  <a:cubicBezTo>
                    <a:pt x="1051862" y="1729188"/>
                    <a:pt x="1087735" y="1721892"/>
                    <a:pt x="1140024" y="1721892"/>
                  </a:cubicBezTo>
                  <a:cubicBezTo>
                    <a:pt x="1192313" y="1721892"/>
                    <a:pt x="1233658" y="1730404"/>
                    <a:pt x="1264058" y="1747428"/>
                  </a:cubicBezTo>
                  <a:cubicBezTo>
                    <a:pt x="1294459" y="1764452"/>
                    <a:pt x="1324252" y="1793637"/>
                    <a:pt x="1353436" y="1834982"/>
                  </a:cubicBezTo>
                  <a:cubicBezTo>
                    <a:pt x="1443422" y="1832550"/>
                    <a:pt x="1527936" y="1850182"/>
                    <a:pt x="1606977" y="1887879"/>
                  </a:cubicBezTo>
                  <a:cubicBezTo>
                    <a:pt x="1686019" y="1925576"/>
                    <a:pt x="1725540" y="1959624"/>
                    <a:pt x="1725540" y="1990025"/>
                  </a:cubicBezTo>
                  <a:cubicBezTo>
                    <a:pt x="1725540" y="2020426"/>
                    <a:pt x="1686627" y="2035626"/>
                    <a:pt x="1608801" y="2035626"/>
                  </a:cubicBezTo>
                  <a:cubicBezTo>
                    <a:pt x="1530976" y="2035626"/>
                    <a:pt x="1445854" y="2028330"/>
                    <a:pt x="1353436" y="2013737"/>
                  </a:cubicBezTo>
                  <a:cubicBezTo>
                    <a:pt x="1341276" y="2140204"/>
                    <a:pt x="1334588" y="2238702"/>
                    <a:pt x="1333372" y="2309232"/>
                  </a:cubicBezTo>
                  <a:cubicBezTo>
                    <a:pt x="1332156" y="2379761"/>
                    <a:pt x="1331548" y="2557301"/>
                    <a:pt x="1331548" y="2841851"/>
                  </a:cubicBezTo>
                  <a:cubicBezTo>
                    <a:pt x="1331548" y="2892924"/>
                    <a:pt x="1321211" y="2959805"/>
                    <a:pt x="1300539" y="3042495"/>
                  </a:cubicBezTo>
                  <a:cubicBezTo>
                    <a:pt x="1279866" y="3125184"/>
                    <a:pt x="1247642" y="3166529"/>
                    <a:pt x="1203865" y="3166529"/>
                  </a:cubicBezTo>
                  <a:cubicBezTo>
                    <a:pt x="1177113" y="3166529"/>
                    <a:pt x="1152184" y="3154977"/>
                    <a:pt x="1129079" y="3131872"/>
                  </a:cubicBezTo>
                  <a:cubicBezTo>
                    <a:pt x="1105975" y="3108768"/>
                    <a:pt x="1046390" y="3063775"/>
                    <a:pt x="950324" y="2996894"/>
                  </a:cubicBezTo>
                  <a:cubicBezTo>
                    <a:pt x="854258" y="2930012"/>
                    <a:pt x="807441" y="2868603"/>
                    <a:pt x="809873" y="2812666"/>
                  </a:cubicBezTo>
                  <a:cubicBezTo>
                    <a:pt x="753936" y="2761593"/>
                    <a:pt x="711983" y="2708088"/>
                    <a:pt x="684014" y="2652151"/>
                  </a:cubicBezTo>
                  <a:cubicBezTo>
                    <a:pt x="656046" y="2596213"/>
                    <a:pt x="642062" y="2548788"/>
                    <a:pt x="642062" y="2509876"/>
                  </a:cubicBezTo>
                  <a:cubicBezTo>
                    <a:pt x="642062" y="2470963"/>
                    <a:pt x="659086" y="2435698"/>
                    <a:pt x="693135" y="2404082"/>
                  </a:cubicBezTo>
                  <a:cubicBezTo>
                    <a:pt x="727183" y="2372465"/>
                    <a:pt x="772784" y="2356657"/>
                    <a:pt x="829937" y="2356657"/>
                  </a:cubicBezTo>
                  <a:cubicBezTo>
                    <a:pt x="887090" y="2356657"/>
                    <a:pt x="938163" y="2371857"/>
                    <a:pt x="983157" y="2402258"/>
                  </a:cubicBezTo>
                  <a:cubicBezTo>
                    <a:pt x="1028149" y="2432658"/>
                    <a:pt x="1050646" y="2470963"/>
                    <a:pt x="1050646" y="2517172"/>
                  </a:cubicBezTo>
                  <a:cubicBezTo>
                    <a:pt x="1050646" y="2624182"/>
                    <a:pt x="1023893" y="2677687"/>
                    <a:pt x="970388" y="2677687"/>
                  </a:cubicBezTo>
                  <a:cubicBezTo>
                    <a:pt x="929043" y="2677687"/>
                    <a:pt x="893171" y="2645463"/>
                    <a:pt x="862770" y="2581013"/>
                  </a:cubicBezTo>
                  <a:cubicBezTo>
                    <a:pt x="832369" y="2516564"/>
                    <a:pt x="806225" y="2484339"/>
                    <a:pt x="784336" y="2484339"/>
                  </a:cubicBezTo>
                  <a:cubicBezTo>
                    <a:pt x="772176" y="2484339"/>
                    <a:pt x="758800" y="2492243"/>
                    <a:pt x="744208" y="2508052"/>
                  </a:cubicBezTo>
                  <a:cubicBezTo>
                    <a:pt x="729615" y="2523860"/>
                    <a:pt x="722319" y="2543925"/>
                    <a:pt x="722319" y="2568245"/>
                  </a:cubicBezTo>
                  <a:cubicBezTo>
                    <a:pt x="722319" y="2653367"/>
                    <a:pt x="772176" y="2726328"/>
                    <a:pt x="871890" y="2787129"/>
                  </a:cubicBezTo>
                  <a:cubicBezTo>
                    <a:pt x="966740" y="2804154"/>
                    <a:pt x="1033621" y="2812666"/>
                    <a:pt x="1072534" y="2812666"/>
                  </a:cubicBezTo>
                  <a:cubicBezTo>
                    <a:pt x="1111447" y="2812666"/>
                    <a:pt x="1132727" y="2805978"/>
                    <a:pt x="1136376" y="2792601"/>
                  </a:cubicBezTo>
                  <a:cubicBezTo>
                    <a:pt x="1140024" y="2779225"/>
                    <a:pt x="1143672" y="2729976"/>
                    <a:pt x="1147320" y="2644854"/>
                  </a:cubicBezTo>
                  <a:cubicBezTo>
                    <a:pt x="1150968" y="2559733"/>
                    <a:pt x="1152792" y="2481299"/>
                    <a:pt x="1152792" y="2409554"/>
                  </a:cubicBezTo>
                  <a:cubicBezTo>
                    <a:pt x="1152792" y="2337808"/>
                    <a:pt x="1147928" y="2205870"/>
                    <a:pt x="1138200" y="2013737"/>
                  </a:cubicBezTo>
                  <a:cubicBezTo>
                    <a:pt x="875538" y="2074539"/>
                    <a:pt x="694350" y="2153580"/>
                    <a:pt x="594637" y="2250862"/>
                  </a:cubicBezTo>
                  <a:cubicBezTo>
                    <a:pt x="514379" y="2503796"/>
                    <a:pt x="445674" y="2662487"/>
                    <a:pt x="388520" y="2726936"/>
                  </a:cubicBezTo>
                  <a:cubicBezTo>
                    <a:pt x="331367" y="2791386"/>
                    <a:pt x="276646" y="2823610"/>
                    <a:pt x="224357" y="2823610"/>
                  </a:cubicBezTo>
                  <a:cubicBezTo>
                    <a:pt x="172068" y="2823610"/>
                    <a:pt x="139235" y="2801114"/>
                    <a:pt x="125859" y="2756121"/>
                  </a:cubicBezTo>
                  <a:cubicBezTo>
                    <a:pt x="112482" y="2711128"/>
                    <a:pt x="83906" y="2672823"/>
                    <a:pt x="40129" y="2641206"/>
                  </a:cubicBezTo>
                  <a:cubicBezTo>
                    <a:pt x="13376" y="2621750"/>
                    <a:pt x="0" y="2596822"/>
                    <a:pt x="0" y="2566421"/>
                  </a:cubicBezTo>
                  <a:cubicBezTo>
                    <a:pt x="0" y="2536020"/>
                    <a:pt x="27361" y="2469747"/>
                    <a:pt x="82082" y="2367601"/>
                  </a:cubicBezTo>
                  <a:cubicBezTo>
                    <a:pt x="136803" y="2265455"/>
                    <a:pt x="212805" y="2197357"/>
                    <a:pt x="310087" y="2163309"/>
                  </a:cubicBezTo>
                  <a:cubicBezTo>
                    <a:pt x="351431" y="2104939"/>
                    <a:pt x="404937" y="2062378"/>
                    <a:pt x="470602" y="2035626"/>
                  </a:cubicBezTo>
                  <a:cubicBezTo>
                    <a:pt x="482762" y="2004009"/>
                    <a:pt x="501003" y="1949288"/>
                    <a:pt x="525323" y="1871463"/>
                  </a:cubicBezTo>
                  <a:cubicBezTo>
                    <a:pt x="393992" y="1951720"/>
                    <a:pt x="295494" y="1991849"/>
                    <a:pt x="229829" y="1991849"/>
                  </a:cubicBezTo>
                  <a:cubicBezTo>
                    <a:pt x="127683" y="1991849"/>
                    <a:pt x="76610" y="1938344"/>
                    <a:pt x="76610" y="1831334"/>
                  </a:cubicBezTo>
                  <a:cubicBezTo>
                    <a:pt x="76610" y="1758372"/>
                    <a:pt x="101538" y="1668386"/>
                    <a:pt x="151395" y="1561376"/>
                  </a:cubicBezTo>
                  <a:cubicBezTo>
                    <a:pt x="201252" y="1454366"/>
                    <a:pt x="240165" y="1360732"/>
                    <a:pt x="268134" y="1280475"/>
                  </a:cubicBezTo>
                  <a:cubicBezTo>
                    <a:pt x="296102" y="1200217"/>
                    <a:pt x="313127" y="1160088"/>
                    <a:pt x="319207" y="1160088"/>
                  </a:cubicBezTo>
                  <a:cubicBezTo>
                    <a:pt x="325287" y="1160088"/>
                    <a:pt x="328327" y="1164952"/>
                    <a:pt x="328327" y="1174680"/>
                  </a:cubicBezTo>
                  <a:cubicBezTo>
                    <a:pt x="328327" y="1189273"/>
                    <a:pt x="309478" y="1248250"/>
                    <a:pt x="271782" y="1351612"/>
                  </a:cubicBezTo>
                  <a:cubicBezTo>
                    <a:pt x="234085" y="1454974"/>
                    <a:pt x="195780" y="1571104"/>
                    <a:pt x="156867" y="1700003"/>
                  </a:cubicBezTo>
                  <a:cubicBezTo>
                    <a:pt x="195780" y="1700003"/>
                    <a:pt x="234085" y="1692707"/>
                    <a:pt x="271782" y="1678115"/>
                  </a:cubicBezTo>
                  <a:cubicBezTo>
                    <a:pt x="309478" y="1663522"/>
                    <a:pt x="366632" y="1631298"/>
                    <a:pt x="443242" y="1581441"/>
                  </a:cubicBezTo>
                  <a:cubicBezTo>
                    <a:pt x="519851" y="1531584"/>
                    <a:pt x="563020" y="1501183"/>
                    <a:pt x="572748" y="1490239"/>
                  </a:cubicBezTo>
                  <a:cubicBezTo>
                    <a:pt x="582476" y="1479295"/>
                    <a:pt x="587340" y="1471998"/>
                    <a:pt x="587340" y="1468350"/>
                  </a:cubicBezTo>
                  <a:cubicBezTo>
                    <a:pt x="587340" y="1464702"/>
                    <a:pt x="584908" y="1461662"/>
                    <a:pt x="580044" y="1459230"/>
                  </a:cubicBezTo>
                  <a:cubicBezTo>
                    <a:pt x="492491" y="1432478"/>
                    <a:pt x="435337" y="1406941"/>
                    <a:pt x="408585" y="1382621"/>
                  </a:cubicBezTo>
                  <a:cubicBezTo>
                    <a:pt x="381832" y="1358300"/>
                    <a:pt x="368456" y="1315739"/>
                    <a:pt x="368456" y="1254938"/>
                  </a:cubicBezTo>
                  <a:cubicBezTo>
                    <a:pt x="368456" y="1194137"/>
                    <a:pt x="377576" y="1155832"/>
                    <a:pt x="395817" y="1140024"/>
                  </a:cubicBezTo>
                  <a:cubicBezTo>
                    <a:pt x="414057" y="1124215"/>
                    <a:pt x="445066" y="1111447"/>
                    <a:pt x="488842" y="1101719"/>
                  </a:cubicBezTo>
                  <a:cubicBezTo>
                    <a:pt x="532619" y="1091991"/>
                    <a:pt x="573964" y="1077398"/>
                    <a:pt x="612877" y="1057942"/>
                  </a:cubicBezTo>
                  <a:cubicBezTo>
                    <a:pt x="651790" y="1038486"/>
                    <a:pt x="671246" y="1024501"/>
                    <a:pt x="671246" y="1015989"/>
                  </a:cubicBezTo>
                  <a:cubicBezTo>
                    <a:pt x="671246" y="1007477"/>
                    <a:pt x="668206" y="1000789"/>
                    <a:pt x="662126" y="995925"/>
                  </a:cubicBezTo>
                  <a:cubicBezTo>
                    <a:pt x="656046" y="991061"/>
                    <a:pt x="628685" y="985588"/>
                    <a:pt x="580044" y="979508"/>
                  </a:cubicBezTo>
                  <a:cubicBezTo>
                    <a:pt x="531403" y="973428"/>
                    <a:pt x="492491" y="970388"/>
                    <a:pt x="463306" y="970388"/>
                  </a:cubicBezTo>
                  <a:cubicBezTo>
                    <a:pt x="434121" y="970388"/>
                    <a:pt x="414057" y="972820"/>
                    <a:pt x="403113" y="977684"/>
                  </a:cubicBezTo>
                  <a:cubicBezTo>
                    <a:pt x="392168" y="982548"/>
                    <a:pt x="381832" y="984980"/>
                    <a:pt x="372104" y="984980"/>
                  </a:cubicBezTo>
                  <a:cubicBezTo>
                    <a:pt x="345351" y="984980"/>
                    <a:pt x="331975" y="965524"/>
                    <a:pt x="331975" y="926611"/>
                  </a:cubicBezTo>
                  <a:cubicBezTo>
                    <a:pt x="331975" y="822033"/>
                    <a:pt x="378184" y="757584"/>
                    <a:pt x="470602" y="733263"/>
                  </a:cubicBezTo>
                  <a:cubicBezTo>
                    <a:pt x="536267" y="716239"/>
                    <a:pt x="633550" y="673678"/>
                    <a:pt x="762448" y="605581"/>
                  </a:cubicBezTo>
                  <a:cubicBezTo>
                    <a:pt x="762448" y="552075"/>
                    <a:pt x="755152" y="503435"/>
                    <a:pt x="740559" y="459658"/>
                  </a:cubicBezTo>
                  <a:cubicBezTo>
                    <a:pt x="711375" y="374536"/>
                    <a:pt x="696783" y="296102"/>
                    <a:pt x="696783" y="224357"/>
                  </a:cubicBezTo>
                  <a:cubicBezTo>
                    <a:pt x="696783" y="152611"/>
                    <a:pt x="705903" y="97282"/>
                    <a:pt x="724143" y="58369"/>
                  </a:cubicBezTo>
                  <a:cubicBezTo>
                    <a:pt x="742384" y="19456"/>
                    <a:pt x="770960" y="0"/>
                    <a:pt x="809873" y="0"/>
                  </a:cubicBezTo>
                  <a:close/>
                  <a:moveTo>
                    <a:pt x="773392" y="229829"/>
                  </a:moveTo>
                  <a:cubicBezTo>
                    <a:pt x="753936" y="297926"/>
                    <a:pt x="749072" y="366024"/>
                    <a:pt x="758800" y="434121"/>
                  </a:cubicBezTo>
                  <a:cubicBezTo>
                    <a:pt x="783120" y="421961"/>
                    <a:pt x="795281" y="384872"/>
                    <a:pt x="795281" y="322855"/>
                  </a:cubicBezTo>
                  <a:cubicBezTo>
                    <a:pt x="795281" y="260838"/>
                    <a:pt x="787984" y="229829"/>
                    <a:pt x="773392" y="229829"/>
                  </a:cubicBezTo>
                  <a:close/>
                  <a:moveTo>
                    <a:pt x="1112663" y="1276826"/>
                  </a:moveTo>
                  <a:cubicBezTo>
                    <a:pt x="1088342" y="1284123"/>
                    <a:pt x="1056726" y="1327900"/>
                    <a:pt x="1017813" y="1408157"/>
                  </a:cubicBezTo>
                  <a:cubicBezTo>
                    <a:pt x="1032405" y="1410589"/>
                    <a:pt x="1051862" y="1411805"/>
                    <a:pt x="1076182" y="1411805"/>
                  </a:cubicBezTo>
                  <a:cubicBezTo>
                    <a:pt x="1100503" y="1411805"/>
                    <a:pt x="1136984" y="1404509"/>
                    <a:pt x="1185625" y="1389917"/>
                  </a:cubicBezTo>
                  <a:cubicBezTo>
                    <a:pt x="1171032" y="1331548"/>
                    <a:pt x="1146712" y="1293851"/>
                    <a:pt x="1112663" y="1276826"/>
                  </a:cubicBezTo>
                  <a:close/>
                  <a:moveTo>
                    <a:pt x="321031" y="2269103"/>
                  </a:moveTo>
                  <a:cubicBezTo>
                    <a:pt x="294278" y="2269103"/>
                    <a:pt x="263270" y="2298287"/>
                    <a:pt x="228005" y="2356657"/>
                  </a:cubicBezTo>
                  <a:cubicBezTo>
                    <a:pt x="192740" y="2415026"/>
                    <a:pt x="175108" y="2460019"/>
                    <a:pt x="175108" y="2491635"/>
                  </a:cubicBezTo>
                  <a:cubicBezTo>
                    <a:pt x="175108" y="2547573"/>
                    <a:pt x="190916" y="2575541"/>
                    <a:pt x="222533" y="2575541"/>
                  </a:cubicBezTo>
                  <a:cubicBezTo>
                    <a:pt x="237125" y="2575541"/>
                    <a:pt x="255365" y="2558517"/>
                    <a:pt x="277254" y="2524468"/>
                  </a:cubicBezTo>
                  <a:cubicBezTo>
                    <a:pt x="299142" y="2490419"/>
                    <a:pt x="330759" y="2417458"/>
                    <a:pt x="372104" y="2305584"/>
                  </a:cubicBezTo>
                  <a:cubicBezTo>
                    <a:pt x="364808" y="2281263"/>
                    <a:pt x="347783" y="2269103"/>
                    <a:pt x="321031" y="226910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23" name="任意多边形 22"/>
            <p:cNvSpPr/>
            <p:nvPr/>
          </p:nvSpPr>
          <p:spPr>
            <a:xfrm>
              <a:off x="-1855351" y="1514052"/>
              <a:ext cx="1798501" cy="2695927"/>
            </a:xfrm>
            <a:custGeom>
              <a:avLst/>
              <a:gdLst/>
              <a:ahLst/>
              <a:cxnLst/>
              <a:rect l="l" t="t" r="r" b="b"/>
              <a:pathLst>
                <a:path w="1798501" h="2695927">
                  <a:moveTo>
                    <a:pt x="1311483" y="0"/>
                  </a:moveTo>
                  <a:cubicBezTo>
                    <a:pt x="1368636" y="0"/>
                    <a:pt x="1431869" y="28576"/>
                    <a:pt x="1501183" y="85730"/>
                  </a:cubicBezTo>
                  <a:cubicBezTo>
                    <a:pt x="1570496" y="142883"/>
                    <a:pt x="1605153" y="215236"/>
                    <a:pt x="1605153" y="302790"/>
                  </a:cubicBezTo>
                  <a:cubicBezTo>
                    <a:pt x="1605153" y="373319"/>
                    <a:pt x="1582048" y="416489"/>
                    <a:pt x="1535840" y="432297"/>
                  </a:cubicBezTo>
                  <a:cubicBezTo>
                    <a:pt x="1489630" y="448105"/>
                    <a:pt x="1454366" y="468777"/>
                    <a:pt x="1430045" y="494314"/>
                  </a:cubicBezTo>
                  <a:cubicBezTo>
                    <a:pt x="1405725" y="519851"/>
                    <a:pt x="1377756" y="561803"/>
                    <a:pt x="1346140" y="620173"/>
                  </a:cubicBezTo>
                  <a:cubicBezTo>
                    <a:pt x="1363164" y="625037"/>
                    <a:pt x="1390525" y="621997"/>
                    <a:pt x="1428221" y="611053"/>
                  </a:cubicBezTo>
                  <a:cubicBezTo>
                    <a:pt x="1465918" y="600108"/>
                    <a:pt x="1499359" y="585516"/>
                    <a:pt x="1528543" y="567276"/>
                  </a:cubicBezTo>
                  <a:cubicBezTo>
                    <a:pt x="1557728" y="549035"/>
                    <a:pt x="1593601" y="539915"/>
                    <a:pt x="1636161" y="539915"/>
                  </a:cubicBezTo>
                  <a:cubicBezTo>
                    <a:pt x="1678723" y="539915"/>
                    <a:pt x="1716419" y="555115"/>
                    <a:pt x="1749252" y="585516"/>
                  </a:cubicBezTo>
                  <a:cubicBezTo>
                    <a:pt x="1782085" y="615917"/>
                    <a:pt x="1798501" y="654829"/>
                    <a:pt x="1798501" y="702254"/>
                  </a:cubicBezTo>
                  <a:cubicBezTo>
                    <a:pt x="1798501" y="749679"/>
                    <a:pt x="1774180" y="789200"/>
                    <a:pt x="1725539" y="820817"/>
                  </a:cubicBezTo>
                  <a:cubicBezTo>
                    <a:pt x="1703651" y="925395"/>
                    <a:pt x="1682979" y="977684"/>
                    <a:pt x="1663522" y="977684"/>
                  </a:cubicBezTo>
                  <a:cubicBezTo>
                    <a:pt x="1658658" y="977684"/>
                    <a:pt x="1656226" y="974036"/>
                    <a:pt x="1656226" y="966740"/>
                  </a:cubicBezTo>
                  <a:cubicBezTo>
                    <a:pt x="1656226" y="959444"/>
                    <a:pt x="1660482" y="947283"/>
                    <a:pt x="1668994" y="930259"/>
                  </a:cubicBezTo>
                  <a:cubicBezTo>
                    <a:pt x="1677506" y="913235"/>
                    <a:pt x="1679330" y="886482"/>
                    <a:pt x="1674466" y="850001"/>
                  </a:cubicBezTo>
                  <a:cubicBezTo>
                    <a:pt x="1623393" y="869458"/>
                    <a:pt x="1565024" y="920531"/>
                    <a:pt x="1499359" y="1003221"/>
                  </a:cubicBezTo>
                  <a:cubicBezTo>
                    <a:pt x="1550432" y="1034837"/>
                    <a:pt x="1588129" y="1060374"/>
                    <a:pt x="1612449" y="1079830"/>
                  </a:cubicBezTo>
                  <a:cubicBezTo>
                    <a:pt x="1627041" y="1055510"/>
                    <a:pt x="1636770" y="1043349"/>
                    <a:pt x="1641634" y="1043349"/>
                  </a:cubicBezTo>
                  <a:cubicBezTo>
                    <a:pt x="1646498" y="1043349"/>
                    <a:pt x="1648930" y="1048214"/>
                    <a:pt x="1648930" y="1057942"/>
                  </a:cubicBezTo>
                  <a:cubicBezTo>
                    <a:pt x="1648930" y="1067670"/>
                    <a:pt x="1646498" y="1082262"/>
                    <a:pt x="1641634" y="1101719"/>
                  </a:cubicBezTo>
                  <a:cubicBezTo>
                    <a:pt x="1648930" y="1150360"/>
                    <a:pt x="1636770" y="1196569"/>
                    <a:pt x="1605153" y="1240345"/>
                  </a:cubicBezTo>
                  <a:cubicBezTo>
                    <a:pt x="1595425" y="1252506"/>
                    <a:pt x="1583264" y="1286554"/>
                    <a:pt x="1568672" y="1342492"/>
                  </a:cubicBezTo>
                  <a:cubicBezTo>
                    <a:pt x="1554080" y="1398429"/>
                    <a:pt x="1544352" y="1450718"/>
                    <a:pt x="1539487" y="1499359"/>
                  </a:cubicBezTo>
                  <a:cubicBezTo>
                    <a:pt x="1549216" y="1516383"/>
                    <a:pt x="1554080" y="1543136"/>
                    <a:pt x="1554080" y="1579616"/>
                  </a:cubicBezTo>
                  <a:cubicBezTo>
                    <a:pt x="1554080" y="1616097"/>
                    <a:pt x="1530367" y="1692707"/>
                    <a:pt x="1482942" y="1809445"/>
                  </a:cubicBezTo>
                  <a:cubicBezTo>
                    <a:pt x="1435517" y="1926183"/>
                    <a:pt x="1389917" y="2063594"/>
                    <a:pt x="1346140" y="2221678"/>
                  </a:cubicBezTo>
                  <a:cubicBezTo>
                    <a:pt x="1302363" y="2379761"/>
                    <a:pt x="1273178" y="2509875"/>
                    <a:pt x="1258586" y="2612022"/>
                  </a:cubicBezTo>
                  <a:cubicBezTo>
                    <a:pt x="1251290" y="2667959"/>
                    <a:pt x="1228185" y="2695927"/>
                    <a:pt x="1189272" y="2695927"/>
                  </a:cubicBezTo>
                  <a:cubicBezTo>
                    <a:pt x="1150360" y="2695927"/>
                    <a:pt x="1098071" y="2655799"/>
                    <a:pt x="1032405" y="2575541"/>
                  </a:cubicBezTo>
                  <a:cubicBezTo>
                    <a:pt x="966740" y="2495283"/>
                    <a:pt x="933907" y="2436914"/>
                    <a:pt x="933907" y="2400433"/>
                  </a:cubicBezTo>
                  <a:cubicBezTo>
                    <a:pt x="933907" y="2363952"/>
                    <a:pt x="941811" y="2328688"/>
                    <a:pt x="957620" y="2294639"/>
                  </a:cubicBezTo>
                  <a:cubicBezTo>
                    <a:pt x="973428" y="2260590"/>
                    <a:pt x="986804" y="2207693"/>
                    <a:pt x="997748" y="2135948"/>
                  </a:cubicBezTo>
                  <a:cubicBezTo>
                    <a:pt x="1008693" y="2064202"/>
                    <a:pt x="1011733" y="1993065"/>
                    <a:pt x="1006869" y="1922535"/>
                  </a:cubicBezTo>
                  <a:cubicBezTo>
                    <a:pt x="909587" y="1988201"/>
                    <a:pt x="840273" y="2036842"/>
                    <a:pt x="798928" y="2068459"/>
                  </a:cubicBezTo>
                  <a:cubicBezTo>
                    <a:pt x="757583" y="2100075"/>
                    <a:pt x="722319" y="2115884"/>
                    <a:pt x="693134" y="2115884"/>
                  </a:cubicBezTo>
                  <a:cubicBezTo>
                    <a:pt x="627469" y="2115884"/>
                    <a:pt x="594636" y="2056298"/>
                    <a:pt x="594636" y="1937128"/>
                  </a:cubicBezTo>
                  <a:cubicBezTo>
                    <a:pt x="594636" y="1893351"/>
                    <a:pt x="606188" y="1855654"/>
                    <a:pt x="629293" y="1824037"/>
                  </a:cubicBezTo>
                  <a:cubicBezTo>
                    <a:pt x="652397" y="1792421"/>
                    <a:pt x="677934" y="1774180"/>
                    <a:pt x="705902" y="1769316"/>
                  </a:cubicBezTo>
                  <a:cubicBezTo>
                    <a:pt x="733871" y="1764452"/>
                    <a:pt x="764272" y="1749252"/>
                    <a:pt x="797104" y="1723715"/>
                  </a:cubicBezTo>
                  <a:cubicBezTo>
                    <a:pt x="829937" y="1698179"/>
                    <a:pt x="878578" y="1651970"/>
                    <a:pt x="943027" y="1585088"/>
                  </a:cubicBezTo>
                  <a:cubicBezTo>
                    <a:pt x="1007477" y="1518207"/>
                    <a:pt x="1043957" y="1478078"/>
                    <a:pt x="1052470" y="1464702"/>
                  </a:cubicBezTo>
                  <a:cubicBezTo>
                    <a:pt x="1060982" y="1451326"/>
                    <a:pt x="1065238" y="1440382"/>
                    <a:pt x="1065238" y="1431869"/>
                  </a:cubicBezTo>
                  <a:cubicBezTo>
                    <a:pt x="1065238" y="1423357"/>
                    <a:pt x="1060374" y="1419101"/>
                    <a:pt x="1050645" y="1419101"/>
                  </a:cubicBezTo>
                  <a:cubicBezTo>
                    <a:pt x="1040917" y="1419101"/>
                    <a:pt x="1022069" y="1428829"/>
                    <a:pt x="994100" y="1448286"/>
                  </a:cubicBezTo>
                  <a:cubicBezTo>
                    <a:pt x="966132" y="1467742"/>
                    <a:pt x="943635" y="1480510"/>
                    <a:pt x="926611" y="1486590"/>
                  </a:cubicBezTo>
                  <a:cubicBezTo>
                    <a:pt x="909587" y="1492671"/>
                    <a:pt x="888306" y="1495711"/>
                    <a:pt x="862770" y="1495711"/>
                  </a:cubicBezTo>
                  <a:cubicBezTo>
                    <a:pt x="837233" y="1495711"/>
                    <a:pt x="817169" y="1483550"/>
                    <a:pt x="802576" y="1459230"/>
                  </a:cubicBezTo>
                  <a:cubicBezTo>
                    <a:pt x="787984" y="1434909"/>
                    <a:pt x="774608" y="1382620"/>
                    <a:pt x="762448" y="1302363"/>
                  </a:cubicBezTo>
                  <a:cubicBezTo>
                    <a:pt x="631117" y="1416669"/>
                    <a:pt x="490058" y="1554080"/>
                    <a:pt x="339271" y="1714595"/>
                  </a:cubicBezTo>
                  <a:cubicBezTo>
                    <a:pt x="271173" y="1789989"/>
                    <a:pt x="199428" y="1827685"/>
                    <a:pt x="124034" y="1827685"/>
                  </a:cubicBezTo>
                  <a:cubicBezTo>
                    <a:pt x="89986" y="1827685"/>
                    <a:pt x="60801" y="1821605"/>
                    <a:pt x="36481" y="1809445"/>
                  </a:cubicBezTo>
                  <a:cubicBezTo>
                    <a:pt x="12160" y="1797285"/>
                    <a:pt x="0" y="1782084"/>
                    <a:pt x="0" y="1763844"/>
                  </a:cubicBezTo>
                  <a:cubicBezTo>
                    <a:pt x="0" y="1745604"/>
                    <a:pt x="7296" y="1729795"/>
                    <a:pt x="21888" y="1716419"/>
                  </a:cubicBezTo>
                  <a:cubicBezTo>
                    <a:pt x="36481" y="1703043"/>
                    <a:pt x="57761" y="1693315"/>
                    <a:pt x="85730" y="1687235"/>
                  </a:cubicBezTo>
                  <a:cubicBezTo>
                    <a:pt x="113698" y="1681154"/>
                    <a:pt x="161123" y="1645282"/>
                    <a:pt x="228005" y="1579616"/>
                  </a:cubicBezTo>
                  <a:cubicBezTo>
                    <a:pt x="294886" y="1513951"/>
                    <a:pt x="369671" y="1425181"/>
                    <a:pt x="452361" y="1313307"/>
                  </a:cubicBezTo>
                  <a:lnTo>
                    <a:pt x="1065238" y="466953"/>
                  </a:lnTo>
                  <a:cubicBezTo>
                    <a:pt x="1181976" y="308870"/>
                    <a:pt x="1244602" y="223748"/>
                    <a:pt x="1253114" y="211588"/>
                  </a:cubicBezTo>
                  <a:cubicBezTo>
                    <a:pt x="1261626" y="199428"/>
                    <a:pt x="1265882" y="183620"/>
                    <a:pt x="1265882" y="164163"/>
                  </a:cubicBezTo>
                  <a:cubicBezTo>
                    <a:pt x="1265882" y="144707"/>
                    <a:pt x="1259194" y="124034"/>
                    <a:pt x="1245818" y="102146"/>
                  </a:cubicBezTo>
                  <a:cubicBezTo>
                    <a:pt x="1232441" y="80258"/>
                    <a:pt x="1225753" y="64449"/>
                    <a:pt x="1225753" y="54721"/>
                  </a:cubicBezTo>
                  <a:cubicBezTo>
                    <a:pt x="1225753" y="18240"/>
                    <a:pt x="1254330" y="0"/>
                    <a:pt x="1311483" y="0"/>
                  </a:cubicBezTo>
                  <a:close/>
                  <a:moveTo>
                    <a:pt x="1207513" y="766096"/>
                  </a:moveTo>
                  <a:cubicBezTo>
                    <a:pt x="1027541" y="972820"/>
                    <a:pt x="931475" y="1085910"/>
                    <a:pt x="919315" y="1105367"/>
                  </a:cubicBezTo>
                  <a:cubicBezTo>
                    <a:pt x="919315" y="1122391"/>
                    <a:pt x="925395" y="1130903"/>
                    <a:pt x="937555" y="1130903"/>
                  </a:cubicBezTo>
                  <a:cubicBezTo>
                    <a:pt x="949716" y="1130903"/>
                    <a:pt x="966740" y="1121175"/>
                    <a:pt x="988628" y="1101719"/>
                  </a:cubicBezTo>
                  <a:cubicBezTo>
                    <a:pt x="1010517" y="1082262"/>
                    <a:pt x="1068278" y="1039093"/>
                    <a:pt x="1161912" y="972212"/>
                  </a:cubicBezTo>
                  <a:cubicBezTo>
                    <a:pt x="1255546" y="905331"/>
                    <a:pt x="1305403" y="869458"/>
                    <a:pt x="1311483" y="864594"/>
                  </a:cubicBezTo>
                  <a:cubicBezTo>
                    <a:pt x="1317563" y="859730"/>
                    <a:pt x="1320603" y="852434"/>
                    <a:pt x="1320603" y="842705"/>
                  </a:cubicBezTo>
                  <a:cubicBezTo>
                    <a:pt x="1320603" y="811089"/>
                    <a:pt x="1282906" y="785552"/>
                    <a:pt x="1207513" y="766096"/>
                  </a:cubicBezTo>
                  <a:close/>
                  <a:moveTo>
                    <a:pt x="1528543" y="1295067"/>
                  </a:moveTo>
                  <a:cubicBezTo>
                    <a:pt x="1445854" y="1346140"/>
                    <a:pt x="1404509" y="1392348"/>
                    <a:pt x="1404509" y="1433693"/>
                  </a:cubicBezTo>
                  <a:cubicBezTo>
                    <a:pt x="1404509" y="1460446"/>
                    <a:pt x="1432477" y="1478686"/>
                    <a:pt x="1488415" y="1488415"/>
                  </a:cubicBezTo>
                  <a:cubicBezTo>
                    <a:pt x="1520031" y="1400861"/>
                    <a:pt x="1535840" y="1347964"/>
                    <a:pt x="1535840" y="1329723"/>
                  </a:cubicBezTo>
                  <a:cubicBezTo>
                    <a:pt x="1535840" y="1311483"/>
                    <a:pt x="1533407" y="1299931"/>
                    <a:pt x="1528543" y="1295067"/>
                  </a:cubicBezTo>
                  <a:close/>
                  <a:moveTo>
                    <a:pt x="1362556" y="1718243"/>
                  </a:moveTo>
                  <a:cubicBezTo>
                    <a:pt x="1349180" y="1718243"/>
                    <a:pt x="1325467" y="1729187"/>
                    <a:pt x="1291419" y="1751076"/>
                  </a:cubicBezTo>
                  <a:cubicBezTo>
                    <a:pt x="1208729" y="1967528"/>
                    <a:pt x="1167384" y="2124396"/>
                    <a:pt x="1167384" y="2221678"/>
                  </a:cubicBezTo>
                  <a:cubicBezTo>
                    <a:pt x="1167384" y="2233838"/>
                    <a:pt x="1172248" y="2239918"/>
                    <a:pt x="1181976" y="2239918"/>
                  </a:cubicBezTo>
                  <a:cubicBezTo>
                    <a:pt x="1191704" y="2239918"/>
                    <a:pt x="1201433" y="2230190"/>
                    <a:pt x="1211161" y="2210733"/>
                  </a:cubicBezTo>
                  <a:lnTo>
                    <a:pt x="1273178" y="2061162"/>
                  </a:lnTo>
                  <a:cubicBezTo>
                    <a:pt x="1307227" y="1978472"/>
                    <a:pt x="1344924" y="1867814"/>
                    <a:pt x="1386268" y="1729187"/>
                  </a:cubicBezTo>
                  <a:cubicBezTo>
                    <a:pt x="1383836" y="1721891"/>
                    <a:pt x="1375932" y="1718243"/>
                    <a:pt x="1362556" y="171824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</p:grpSp>
      <p:sp>
        <p:nvSpPr>
          <p:cNvPr id="14342" name="文本框 5"/>
          <p:cNvSpPr txBox="1">
            <a:spLocks noChangeArrowheads="1"/>
          </p:cNvSpPr>
          <p:nvPr/>
        </p:nvSpPr>
        <p:spPr bwMode="auto">
          <a:xfrm>
            <a:off x="1604075" y="3197672"/>
            <a:ext cx="6579029" cy="12003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150000"/>
              </a:lnSpc>
            </a:pPr>
            <a:endParaRPr lang="en-US" altLang="zh-CN" sz="2400" dirty="0">
              <a:latin typeface="Microsoft YaHei UI"/>
              <a:ea typeface="微软雅黑" pitchFamily="34" charset="-122"/>
            </a:endParaRPr>
          </a:p>
          <a:p>
            <a:pPr algn="ctr">
              <a:lnSpc>
                <a:spcPct val="150000"/>
              </a:lnSpc>
            </a:pPr>
            <a:r>
              <a:rPr lang="zh-CN" altLang="en-US" sz="2400" dirty="0">
                <a:latin typeface="Microsoft YaHei UI"/>
                <a:ea typeface="微软雅黑" pitchFamily="34" charset="-122"/>
              </a:rPr>
              <a:t>天逸（上届带我们的群主）出品</a:t>
            </a:r>
            <a:endParaRPr lang="en-US" altLang="zh-CN" sz="2400" dirty="0">
              <a:latin typeface="Microsoft YaHei UI"/>
              <a:ea typeface="微软雅黑" pitchFamily="34" charset="-122"/>
            </a:endParaRPr>
          </a:p>
        </p:txBody>
      </p:sp>
      <p:sp>
        <p:nvSpPr>
          <p:cNvPr id="14343" name="文本框 6"/>
          <p:cNvSpPr txBox="1">
            <a:spLocks noChangeArrowheads="1"/>
          </p:cNvSpPr>
          <p:nvPr/>
        </p:nvSpPr>
        <p:spPr bwMode="auto">
          <a:xfrm>
            <a:off x="2663825" y="1528763"/>
            <a:ext cx="3816350" cy="708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zh-CN" altLang="en-US" sz="4000" b="1" dirty="0">
                <a:solidFill>
                  <a:srgbClr val="104B34"/>
                </a:solidFill>
                <a:latin typeface="Microsoft YaHei UI"/>
                <a:ea typeface="微软雅黑" pitchFamily="34" charset="-122"/>
              </a:rPr>
              <a:t>大连理工大学</a:t>
            </a:r>
            <a:endParaRPr lang="en-US" altLang="zh-CN" sz="4000" b="1" dirty="0">
              <a:solidFill>
                <a:srgbClr val="104B34"/>
              </a:solidFill>
              <a:latin typeface="Microsoft YaHei UI"/>
              <a:ea typeface="微软雅黑" pitchFamily="34" charset="-122"/>
            </a:endParaRPr>
          </a:p>
        </p:txBody>
      </p:sp>
      <p:sp>
        <p:nvSpPr>
          <p:cNvPr id="14344" name="矩形 7"/>
          <p:cNvSpPr>
            <a:spLocks noChangeArrowheads="1"/>
          </p:cNvSpPr>
          <p:nvPr/>
        </p:nvSpPr>
        <p:spPr bwMode="auto">
          <a:xfrm>
            <a:off x="1314450" y="2347913"/>
            <a:ext cx="6616700" cy="708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zh-CN" altLang="en-US" sz="4000" b="1" dirty="0">
                <a:solidFill>
                  <a:srgbClr val="104B34"/>
                </a:solidFill>
                <a:latin typeface="Microsoft YaHei UI"/>
                <a:ea typeface="微软雅黑" pitchFamily="34" charset="-122"/>
              </a:rPr>
              <a:t>新生入学攻略</a:t>
            </a:r>
            <a:r>
              <a:rPr lang="en-US" altLang="zh-CN" sz="4000" b="1" dirty="0">
                <a:solidFill>
                  <a:srgbClr val="104B34"/>
                </a:solidFill>
                <a:latin typeface="Microsoft YaHei UI"/>
                <a:ea typeface="微软雅黑" pitchFamily="34" charset="-122"/>
              </a:rPr>
              <a:t>——</a:t>
            </a:r>
            <a:r>
              <a:rPr lang="zh-CN" altLang="en-US" sz="4000" b="1" dirty="0">
                <a:solidFill>
                  <a:srgbClr val="104B34"/>
                </a:solidFill>
                <a:latin typeface="Microsoft YaHei UI"/>
                <a:ea typeface="微软雅黑" pitchFamily="34" charset="-122"/>
              </a:rPr>
              <a:t>军训篇</a:t>
            </a:r>
          </a:p>
        </p:txBody>
      </p:sp>
      <p:pic>
        <p:nvPicPr>
          <p:cNvPr id="3" name="图片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162" y="4594060"/>
            <a:ext cx="3143250" cy="2095500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2790" y="4594060"/>
            <a:ext cx="3152775" cy="209550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594060"/>
            <a:ext cx="3019425" cy="2095500"/>
          </a:xfrm>
          <a:prstGeom prst="rect">
            <a:avLst/>
          </a:prstGeom>
        </p:spPr>
      </p:pic>
      <p:pic>
        <p:nvPicPr>
          <p:cNvPr id="18" name="图片 4" descr="dutlogo副本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48935" y="-124501"/>
            <a:ext cx="2593477" cy="1971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5344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414566" y="46101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542060" y="1287463"/>
            <a:ext cx="1467068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军体拳方队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20484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14566" y="4612075"/>
            <a:ext cx="7337425" cy="1532727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首先不要被第一幅图片骗了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因为军体拳方队只要</a:t>
            </a:r>
            <a:r>
              <a:rPr lang="zh-CN" altLang="en-US" sz="2400" spc="300" dirty="0">
                <a:solidFill>
                  <a:schemeClr val="bg1"/>
                </a:solidFill>
                <a:latin typeface="+mn-lt"/>
                <a:ea typeface="+mn-ea"/>
              </a:rPr>
              <a:t>妹子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！基本上除了少数走方队的妹子剩下的基本都去打军体拳了，并且军体拳不那么累啊不那么累，建艺、外院、管经、人文不一定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endParaRPr lang="zh-CN" altLang="en-US" spc="300" dirty="0">
              <a:solidFill>
                <a:schemeClr val="bg1"/>
              </a:solidFill>
              <a:latin typeface="+mn-lt"/>
              <a:ea typeface="+mn-ea"/>
            </a:endParaRPr>
          </a:p>
        </p:txBody>
      </p:sp>
      <p:grpSp>
        <p:nvGrpSpPr>
          <p:cNvPr id="20487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9" name="图片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550" y="1825297"/>
            <a:ext cx="3703796" cy="2570458"/>
          </a:xfrm>
          <a:prstGeom prst="rect">
            <a:avLst/>
          </a:prstGeom>
        </p:spPr>
      </p:pic>
      <p:pic>
        <p:nvPicPr>
          <p:cNvPr id="11" name="图片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7791" y="1825297"/>
            <a:ext cx="3852186" cy="2570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89039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5344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414566" y="46101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506794" y="1287463"/>
            <a:ext cx="1537600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en-US" altLang="zh-CN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CS</a:t>
            </a: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野战方队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20484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88582" y="4728958"/>
            <a:ext cx="7337425" cy="1126462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这就是一个</a:t>
            </a:r>
            <a:r>
              <a:rPr lang="zh-CN" altLang="en-US" sz="2000" spc="300" dirty="0">
                <a:solidFill>
                  <a:schemeClr val="bg1"/>
                </a:solidFill>
                <a:latin typeface="+mn-lt"/>
                <a:ea typeface="+mn-ea"/>
              </a:rPr>
              <a:t>奇特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的存在，在地面摸爬滚打女生千万别去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男生比较活泼好动或者想挑战下的可以试试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又累又容易受伤的存在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endParaRPr lang="zh-CN" altLang="en-US" spc="300" dirty="0">
              <a:solidFill>
                <a:schemeClr val="bg1"/>
              </a:solidFill>
              <a:latin typeface="+mn-lt"/>
              <a:ea typeface="+mn-ea"/>
            </a:endParaRPr>
          </a:p>
        </p:txBody>
      </p:sp>
      <p:grpSp>
        <p:nvGrpSpPr>
          <p:cNvPr id="20487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12" name="图片 1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6017" y="1719761"/>
            <a:ext cx="2066444" cy="1377629"/>
          </a:xfrm>
          <a:prstGeom prst="rect">
            <a:avLst/>
          </a:prstGeom>
        </p:spPr>
      </p:pic>
      <p:pic>
        <p:nvPicPr>
          <p:cNvPr id="13" name="图片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16975" y="1684508"/>
            <a:ext cx="4242788" cy="2825763"/>
          </a:xfrm>
          <a:prstGeom prst="rect">
            <a:avLst/>
          </a:prstGeom>
        </p:spPr>
      </p:pic>
      <p:pic>
        <p:nvPicPr>
          <p:cNvPr id="16" name="图片 1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12925" y="3202554"/>
            <a:ext cx="2089166" cy="13864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534589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5344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414566" y="46101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666807" y="1287463"/>
            <a:ext cx="954107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飞虎队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20484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14566" y="4631821"/>
            <a:ext cx="7337425" cy="1421928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如果说上一个是奇特，那飞虎队就是一个备受争议的存在，对于一些人来说，这里是逃避训练的天堂，还有一些人，并不喜欢被叫做废物队。优点：轻松，后期训练就是教官讲故事。缺点：分不会特别高，和教官关系好一般也过不了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90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。</a:t>
            </a:r>
          </a:p>
        </p:txBody>
      </p:sp>
      <p:grpSp>
        <p:nvGrpSpPr>
          <p:cNvPr id="20487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582" y="1936729"/>
            <a:ext cx="3481630" cy="2318766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0212" y="1946650"/>
            <a:ext cx="3091689" cy="2318767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61901" y="1926807"/>
            <a:ext cx="1754714" cy="23386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84236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5344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414566" y="46101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488582" y="1287463"/>
            <a:ext cx="1537600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真人</a:t>
            </a:r>
            <a:r>
              <a:rPr lang="en-US" altLang="zh-CN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CS</a:t>
            </a: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体验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20484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14566" y="4631821"/>
            <a:ext cx="7337425" cy="1421928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在军训分方队前几天，学校会安排大家在校内情人路小树林中体验一把真人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CS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游戏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应该有不少同学玩过，就是拿着激光枪穿着接收器分成两队，是学校国防生负责的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算是军训一大福利吧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也是特色之一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endParaRPr lang="zh-CN" altLang="en-US" spc="300" dirty="0">
              <a:solidFill>
                <a:schemeClr val="bg1"/>
              </a:solidFill>
              <a:latin typeface="+mn-lt"/>
              <a:ea typeface="+mn-ea"/>
            </a:endParaRPr>
          </a:p>
        </p:txBody>
      </p:sp>
      <p:grpSp>
        <p:nvGrpSpPr>
          <p:cNvPr id="20487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9" name="图片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1838" y="1769565"/>
            <a:ext cx="3538317" cy="2653738"/>
          </a:xfrm>
          <a:prstGeom prst="rect">
            <a:avLst/>
          </a:prstGeom>
        </p:spPr>
      </p:pic>
      <p:pic>
        <p:nvPicPr>
          <p:cNvPr id="10" name="图片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7791" y="1761816"/>
            <a:ext cx="3939839" cy="26288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704196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3965575"/>
            <a:ext cx="8426450" cy="207327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21507" name="矩形 3"/>
          <p:cNvSpPr>
            <a:spLocks noChangeArrowheads="1"/>
          </p:cNvSpPr>
          <p:nvPr/>
        </p:nvSpPr>
        <p:spPr bwMode="auto">
          <a:xfrm>
            <a:off x="358775" y="93663"/>
            <a:ext cx="2236510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安全问题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1509" name="矩形 2"/>
          <p:cNvSpPr>
            <a:spLocks noChangeArrowheads="1"/>
          </p:cNvSpPr>
          <p:nvPr/>
        </p:nvSpPr>
        <p:spPr bwMode="auto">
          <a:xfrm>
            <a:off x="563563" y="1512888"/>
            <a:ext cx="4257675" cy="24929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sz="2400" dirty="0">
                <a:latin typeface="Microsoft YaHei UI"/>
                <a:ea typeface="微软雅黑" pitchFamily="34" charset="-122"/>
              </a:rPr>
              <a:t>每年军训都会有一些晒伤、摔伤、中暑等问题出现，不过只要身体还好，然后训练小心一些，注意喝水一般坚持下来都是没问题的</a:t>
            </a:r>
            <a:r>
              <a:rPr lang="en-US" altLang="zh-CN" sz="2400" dirty="0">
                <a:latin typeface="Microsoft YaHei UI"/>
                <a:ea typeface="微软雅黑" pitchFamily="34" charset="-122"/>
              </a:rPr>
              <a:t>~</a:t>
            </a:r>
            <a:endParaRPr lang="zh-CN" altLang="en-US" sz="2400" dirty="0">
              <a:latin typeface="Microsoft YaHei UI"/>
              <a:ea typeface="微软雅黑" pitchFamily="34" charset="-122"/>
            </a:endParaRPr>
          </a:p>
        </p:txBody>
      </p:sp>
      <p:sp>
        <p:nvSpPr>
          <p:cNvPr id="21510" name="矩形 5"/>
          <p:cNvSpPr>
            <a:spLocks noChangeArrowheads="1"/>
          </p:cNvSpPr>
          <p:nvPr/>
        </p:nvSpPr>
        <p:spPr bwMode="auto">
          <a:xfrm>
            <a:off x="1545431" y="4025991"/>
            <a:ext cx="6980238" cy="20128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温馨提示：如果因为一些身体原因无法参与军训请近期去大医院开具证明，不过军训不参加明年要和新大一一起重修，可以开证明去病号队</a:t>
            </a:r>
            <a:r>
              <a:rPr lang="en-US" altLang="zh-CN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(</a:t>
            </a:r>
            <a:r>
              <a:rPr lang="zh-CN" altLang="en-US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群主去年就开学前刚做手术</a:t>
            </a:r>
            <a:r>
              <a:rPr lang="en-US" altLang="zh-CN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…</a:t>
            </a:r>
            <a:r>
              <a:rPr lang="zh-CN" altLang="en-US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所以是在飞虎队和病号队混迹</a:t>
            </a:r>
            <a:r>
              <a:rPr lang="en-US" altLang="zh-CN" sz="2400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..)</a:t>
            </a:r>
            <a:endParaRPr lang="zh-CN" altLang="en-US" sz="2400" dirty="0">
              <a:solidFill>
                <a:schemeClr val="bg1"/>
              </a:solidFill>
              <a:latin typeface="Microsoft YaHei UI"/>
              <a:ea typeface="微软雅黑" pitchFamily="34" charset="-122"/>
            </a:endParaRPr>
          </a:p>
        </p:txBody>
      </p:sp>
      <p:pic>
        <p:nvPicPr>
          <p:cNvPr id="21511" name="图片 8"/>
          <p:cNvPicPr>
            <a:picLocks noChangeAspect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5035550" y="1328738"/>
            <a:ext cx="3698875" cy="2460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21512" name="组合 9"/>
          <p:cNvGrpSpPr>
            <a:grpSpLocks/>
          </p:cNvGrpSpPr>
          <p:nvPr/>
        </p:nvGrpSpPr>
        <p:grpSpPr bwMode="auto">
          <a:xfrm>
            <a:off x="600075" y="4484688"/>
            <a:ext cx="508000" cy="1035050"/>
            <a:chOff x="7795870" y="5241671"/>
            <a:chExt cx="508466" cy="1036057"/>
          </a:xfrm>
        </p:grpSpPr>
        <p:sp>
          <p:nvSpPr>
            <p:cNvPr id="11" name="任意多边形 10"/>
            <p:cNvSpPr/>
            <p:nvPr/>
          </p:nvSpPr>
          <p:spPr>
            <a:xfrm>
              <a:off x="7827649" y="5861398"/>
              <a:ext cx="476687" cy="416330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3" name="组合 12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4" name="任意多边形 13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6" name="任意多边形 15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365625"/>
            <a:ext cx="8426450" cy="16732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25603" name="矩形 3"/>
          <p:cNvSpPr>
            <a:spLocks noChangeArrowheads="1"/>
          </p:cNvSpPr>
          <p:nvPr/>
        </p:nvSpPr>
        <p:spPr bwMode="auto">
          <a:xfrm>
            <a:off x="358775" y="93663"/>
            <a:ext cx="4689104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教官</a:t>
            </a:r>
            <a:r>
              <a:rPr lang="en-US" altLang="zh-CN" sz="4000" b="1" dirty="0">
                <a:latin typeface="Microsoft YaHei UI"/>
                <a:ea typeface="微软雅黑" pitchFamily="34" charset="-122"/>
              </a:rPr>
              <a:t>(</a:t>
            </a:r>
            <a:r>
              <a:rPr lang="zh-CN" altLang="en-US" sz="4000" b="1" dirty="0">
                <a:latin typeface="Microsoft YaHei UI"/>
                <a:ea typeface="微软雅黑" pitchFamily="34" charset="-122"/>
              </a:rPr>
              <a:t>大连舰艇学院</a:t>
            </a:r>
            <a:r>
              <a:rPr lang="en-US" altLang="zh-CN" sz="4000" b="1" dirty="0">
                <a:latin typeface="Microsoft YaHei UI"/>
                <a:ea typeface="微软雅黑" pitchFamily="34" charset="-122"/>
              </a:rPr>
              <a:t>)</a:t>
            </a:r>
            <a:endParaRPr lang="zh-CN" altLang="en-US" sz="4000" b="1" dirty="0">
              <a:latin typeface="Microsoft YaHei UI"/>
              <a:ea typeface="微软雅黑" pitchFamily="34" charset="-122"/>
            </a:endParaRP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5605" name="矩形 2"/>
          <p:cNvSpPr>
            <a:spLocks noChangeArrowheads="1"/>
          </p:cNvSpPr>
          <p:nvPr/>
        </p:nvSpPr>
        <p:spPr bwMode="auto">
          <a:xfrm>
            <a:off x="1735559" y="4435873"/>
            <a:ext cx="6624637" cy="15327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咱们学校的教官一直都是大连舰艇学院优秀的大四学长，唔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~</a:t>
            </a: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一般军人都是蛮帅的，不过因为大连太晒大多黑一些，温馨提示：每年会发生一些学生和教官之间的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…</a:t>
            </a: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咳咳咳，希望学妹想清楚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…</a:t>
            </a: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群主表示尊重所有选择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…</a:t>
            </a:r>
            <a:endParaRPr lang="zh-CN" altLang="en-US" dirty="0">
              <a:solidFill>
                <a:schemeClr val="bg1"/>
              </a:solidFill>
              <a:latin typeface="Microsoft YaHei UI"/>
              <a:ea typeface="微软雅黑" pitchFamily="34" charset="-122"/>
            </a:endParaRPr>
          </a:p>
        </p:txBody>
      </p:sp>
      <p:grpSp>
        <p:nvGrpSpPr>
          <p:cNvPr id="25609" name="组合 12"/>
          <p:cNvGrpSpPr>
            <a:grpSpLocks/>
          </p:cNvGrpSpPr>
          <p:nvPr/>
        </p:nvGrpSpPr>
        <p:grpSpPr bwMode="auto">
          <a:xfrm>
            <a:off x="599151" y="4480491"/>
            <a:ext cx="508000" cy="1036638"/>
            <a:chOff x="7795870" y="5241671"/>
            <a:chExt cx="508466" cy="1036057"/>
          </a:xfrm>
        </p:grpSpPr>
        <p:sp>
          <p:nvSpPr>
            <p:cNvPr id="14" name="任意多边形 13"/>
            <p:cNvSpPr/>
            <p:nvPr/>
          </p:nvSpPr>
          <p:spPr>
            <a:xfrm>
              <a:off x="7827649" y="5862036"/>
              <a:ext cx="476687" cy="415692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6" name="组合 15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7" name="任意多边形 16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8" name="任意多边形 17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254" y="1349966"/>
            <a:ext cx="4220747" cy="2813831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1" y="1349966"/>
            <a:ext cx="4225548" cy="2813831"/>
          </a:xfrm>
          <a:prstGeom prst="rect">
            <a:avLst/>
          </a:prstGeom>
        </p:spPr>
      </p:pic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365625"/>
            <a:ext cx="8426450" cy="16732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25603" name="矩形 3"/>
          <p:cNvSpPr>
            <a:spLocks noChangeArrowheads="1"/>
          </p:cNvSpPr>
          <p:nvPr/>
        </p:nvSpPr>
        <p:spPr bwMode="auto">
          <a:xfrm>
            <a:off x="358775" y="93663"/>
            <a:ext cx="4689104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教官</a:t>
            </a:r>
            <a:r>
              <a:rPr lang="en-US" altLang="zh-CN" sz="4000" b="1" dirty="0">
                <a:latin typeface="Microsoft YaHei UI"/>
                <a:ea typeface="微软雅黑" pitchFamily="34" charset="-122"/>
              </a:rPr>
              <a:t>(</a:t>
            </a:r>
            <a:r>
              <a:rPr lang="zh-CN" altLang="en-US" sz="4000" b="1" dirty="0">
                <a:latin typeface="Microsoft YaHei UI"/>
                <a:ea typeface="微软雅黑" pitchFamily="34" charset="-122"/>
              </a:rPr>
              <a:t>大连舰艇学院</a:t>
            </a:r>
            <a:r>
              <a:rPr lang="en-US" altLang="zh-CN" sz="4000" b="1" dirty="0">
                <a:latin typeface="Microsoft YaHei UI"/>
                <a:ea typeface="微软雅黑" pitchFamily="34" charset="-122"/>
              </a:rPr>
              <a:t>)</a:t>
            </a:r>
            <a:endParaRPr lang="zh-CN" altLang="en-US" sz="4000" b="1" dirty="0">
              <a:latin typeface="Microsoft YaHei UI"/>
              <a:ea typeface="微软雅黑" pitchFamily="34" charset="-122"/>
            </a:endParaRP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5605" name="矩形 2"/>
          <p:cNvSpPr>
            <a:spLocks noChangeArrowheads="1"/>
          </p:cNvSpPr>
          <p:nvPr/>
        </p:nvSpPr>
        <p:spPr bwMode="auto">
          <a:xfrm>
            <a:off x="1441343" y="4435873"/>
            <a:ext cx="7222210" cy="14927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sz="1400" dirty="0">
                <a:solidFill>
                  <a:schemeClr val="bg1"/>
                </a:solidFill>
              </a:rPr>
              <a:t>同学们和各位教官十多天的相处虽然短暂，却培养了大家之间深厚的感情。即使训练很艰苦，教官对每一位同学的要求很严格，而且不留情面，但是正是这样，大家跟教官的感情却越来越深厚。直到军训结束之后，很多同学还和教官保持着联系。有的同学在谈到军训带给自己的感受时说：“我很感谢我的教官，他虽然训练的时候对我们很严厉，但是却使我锻炼出一副强健的体魄，磨练了我坚强的意志。感谢军训，感谢教官。”</a:t>
            </a:r>
            <a:r>
              <a:rPr lang="en-US" altLang="zh-CN" sz="1400" dirty="0">
                <a:solidFill>
                  <a:schemeClr val="bg1"/>
                </a:solidFill>
              </a:rPr>
              <a:t>——</a:t>
            </a:r>
            <a:r>
              <a:rPr lang="zh-CN" altLang="en-US" sz="1400" dirty="0">
                <a:solidFill>
                  <a:schemeClr val="bg1"/>
                </a:solidFill>
              </a:rPr>
              <a:t>官方版</a:t>
            </a:r>
            <a:endParaRPr lang="zh-CN" altLang="en-US" sz="1400" dirty="0">
              <a:solidFill>
                <a:schemeClr val="bg1"/>
              </a:solidFill>
              <a:latin typeface="Microsoft YaHei UI"/>
              <a:ea typeface="微软雅黑" pitchFamily="34" charset="-122"/>
            </a:endParaRPr>
          </a:p>
        </p:txBody>
      </p:sp>
      <p:grpSp>
        <p:nvGrpSpPr>
          <p:cNvPr id="25609" name="组合 12"/>
          <p:cNvGrpSpPr>
            <a:grpSpLocks/>
          </p:cNvGrpSpPr>
          <p:nvPr/>
        </p:nvGrpSpPr>
        <p:grpSpPr bwMode="auto">
          <a:xfrm>
            <a:off x="599151" y="4480491"/>
            <a:ext cx="508000" cy="1036638"/>
            <a:chOff x="7795870" y="5241671"/>
            <a:chExt cx="508466" cy="1036057"/>
          </a:xfrm>
        </p:grpSpPr>
        <p:sp>
          <p:nvSpPr>
            <p:cNvPr id="14" name="任意多边形 13"/>
            <p:cNvSpPr/>
            <p:nvPr/>
          </p:nvSpPr>
          <p:spPr>
            <a:xfrm>
              <a:off x="7827649" y="5862036"/>
              <a:ext cx="476687" cy="415692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6" name="组合 15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7" name="任意多边形 16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8" name="任意多边形 17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254" y="1349966"/>
            <a:ext cx="4220747" cy="2813831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1" y="1349966"/>
            <a:ext cx="4225548" cy="28138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588196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365625"/>
            <a:ext cx="8426450" cy="16732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22531" name="矩形 3"/>
          <p:cNvSpPr>
            <a:spLocks noChangeArrowheads="1"/>
          </p:cNvSpPr>
          <p:nvPr/>
        </p:nvSpPr>
        <p:spPr bwMode="auto">
          <a:xfrm>
            <a:off x="358775" y="93663"/>
            <a:ext cx="2236510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服装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2533" name="矩形 2"/>
          <p:cNvSpPr>
            <a:spLocks noChangeArrowheads="1"/>
          </p:cNvSpPr>
          <p:nvPr/>
        </p:nvSpPr>
        <p:spPr bwMode="auto">
          <a:xfrm>
            <a:off x="1417369" y="4435873"/>
            <a:ext cx="7153194" cy="15327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>
              <a:lnSpc>
                <a:spcPct val="130000"/>
              </a:lnSpc>
              <a:spcAft>
                <a:spcPts val="600"/>
              </a:spcAft>
            </a:pP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海军迷彩服，白色帆布鞋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(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平常穿自己的鞋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)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，统一分发，但要收费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~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已经在你交的钱里扣了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~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这个没得选，必须买。温馨提示：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1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、军训服拿到手有时间一定要洗！洗了之后你可以看一下水的颜色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…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会让没洗的人不想穿的。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2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、军训结束后军训服别扔，以后工训还用的到。</a:t>
            </a:r>
            <a:endParaRPr lang="en-US" altLang="zh-CN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grpSp>
        <p:nvGrpSpPr>
          <p:cNvPr id="22535" name="组合 10"/>
          <p:cNvGrpSpPr>
            <a:grpSpLocks/>
          </p:cNvGrpSpPr>
          <p:nvPr/>
        </p:nvGrpSpPr>
        <p:grpSpPr bwMode="auto">
          <a:xfrm>
            <a:off x="600075" y="4484688"/>
            <a:ext cx="508000" cy="1035050"/>
            <a:chOff x="7795870" y="5241671"/>
            <a:chExt cx="508466" cy="1036057"/>
          </a:xfrm>
        </p:grpSpPr>
        <p:sp>
          <p:nvSpPr>
            <p:cNvPr id="13" name="任意多边形 12"/>
            <p:cNvSpPr/>
            <p:nvPr/>
          </p:nvSpPr>
          <p:spPr>
            <a:xfrm>
              <a:off x="7827649" y="5861398"/>
              <a:ext cx="476687" cy="416330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4" name="组合 13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6" name="任意多边形 15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7" name="任意多边形 16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075" y="1511860"/>
            <a:ext cx="3816942" cy="2544628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1511860"/>
            <a:ext cx="3816942" cy="2544628"/>
          </a:xfrm>
          <a:prstGeom prst="rect">
            <a:avLst/>
          </a:prstGeom>
        </p:spPr>
      </p:pic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圆角矩形 3"/>
          <p:cNvSpPr/>
          <p:nvPr/>
        </p:nvSpPr>
        <p:spPr>
          <a:xfrm>
            <a:off x="300038" y="1304925"/>
            <a:ext cx="8548687" cy="4987925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0" y="0"/>
            <a:ext cx="6016625" cy="820738"/>
          </a:xfrm>
          <a:prstGeom prst="rect">
            <a:avLst/>
          </a:prstGeom>
          <a:solidFill>
            <a:schemeClr val="accent6"/>
          </a:solidFill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800" dirty="0">
                <a:solidFill>
                  <a:schemeClr val="bg1"/>
                </a:solidFill>
                <a:latin typeface="+mn-ea"/>
                <a:ea typeface="+mn-ea"/>
              </a:rPr>
              <a:t>军训小贴士</a:t>
            </a:r>
          </a:p>
        </p:txBody>
      </p:sp>
      <p:sp>
        <p:nvSpPr>
          <p:cNvPr id="5" name="矩形 4"/>
          <p:cNvSpPr/>
          <p:nvPr/>
        </p:nvSpPr>
        <p:spPr>
          <a:xfrm>
            <a:off x="4946650" y="1430338"/>
            <a:ext cx="3536950" cy="4591050"/>
          </a:xfrm>
          <a:prstGeom prst="rect">
            <a:avLst/>
          </a:prstGeom>
          <a:solidFill>
            <a:schemeClr val="accent6"/>
          </a:solidFill>
        </p:spPr>
        <p:txBody>
          <a:bodyPr anchor="ctr"/>
          <a:lstStyle/>
          <a:p>
            <a:pPr indent="381000" algn="just" fontAlgn="auto">
              <a:lnSpc>
                <a:spcPts val="2900"/>
              </a:lnSpc>
              <a:spcBef>
                <a:spcPts val="0"/>
              </a:spcBef>
              <a:spcAft>
                <a:spcPts val="600"/>
              </a:spcAft>
              <a:defRPr/>
            </a:pP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1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军训时期天气炎热，每天训练前提前买一瓶水降温解暑，有助于保持体力。</a:t>
            </a: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2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每天晚上把自己弄干净，保持身体清爽，有利于睡眠和第二天的训练。</a:t>
            </a: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3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男女生都要做好防晒工作，军训期间的日晒不仅会把人晒黑，而且还会把皮肤晒伤，建议带上一瓶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SPF30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的防晒霜，这样的防晒舒适感很好。装在口袋中经常拿出来涂抹一遍，这样可以最大程度防止晒伤。</a:t>
            </a:r>
            <a:endParaRPr lang="zh-CN" altLang="zh-CN" sz="1400" kern="100" dirty="0">
              <a:solidFill>
                <a:schemeClr val="bg1"/>
              </a:solidFill>
              <a:latin typeface="+mn-ea"/>
              <a:ea typeface="+mn-ea"/>
              <a:cs typeface="Times New Roman" panose="02020603050405020304" pitchFamily="18" charset="0"/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0733" y="1627483"/>
            <a:ext cx="3675779" cy="41068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" name="图片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35690" y="1304924"/>
            <a:ext cx="1610960" cy="1515767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4265318" y="2890434"/>
            <a:ext cx="461665" cy="168931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zh-CN" altLang="en-US" dirty="0"/>
              <a:t>很多人就这样</a:t>
            </a:r>
            <a:r>
              <a:rPr lang="en-US" altLang="zh-CN" dirty="0"/>
              <a:t>~</a:t>
            </a:r>
            <a:endParaRPr lang="zh-CN" altLang="en-US" dirty="0"/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圆角矩形 3"/>
          <p:cNvSpPr/>
          <p:nvPr/>
        </p:nvSpPr>
        <p:spPr>
          <a:xfrm>
            <a:off x="300038" y="1304925"/>
            <a:ext cx="8548687" cy="4987925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0" y="0"/>
            <a:ext cx="6016625" cy="820738"/>
          </a:xfrm>
          <a:prstGeom prst="rect">
            <a:avLst/>
          </a:prstGeom>
          <a:solidFill>
            <a:schemeClr val="accent6"/>
          </a:solidFill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800" dirty="0">
                <a:solidFill>
                  <a:schemeClr val="bg1"/>
                </a:solidFill>
                <a:latin typeface="+mn-ea"/>
              </a:rPr>
              <a:t>军训小贴士</a:t>
            </a:r>
          </a:p>
        </p:txBody>
      </p:sp>
      <p:sp>
        <p:nvSpPr>
          <p:cNvPr id="5" name="矩形 4"/>
          <p:cNvSpPr/>
          <p:nvPr/>
        </p:nvSpPr>
        <p:spPr>
          <a:xfrm>
            <a:off x="723900" y="1550988"/>
            <a:ext cx="3644900" cy="4470400"/>
          </a:xfrm>
          <a:prstGeom prst="rect">
            <a:avLst/>
          </a:prstGeom>
          <a:solidFill>
            <a:schemeClr val="accent6"/>
          </a:solidFill>
        </p:spPr>
        <p:txBody>
          <a:bodyPr anchor="ctr"/>
          <a:lstStyle/>
          <a:p>
            <a:pPr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4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中午回去午休的时候，不能贪图凉快直接用凉水洗脸，因为冰水会刺激皮肤，反倒给皮肤增加负担，应该打一盆温水洗脸来起到镇定作用。</a:t>
            </a: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5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军训服的裤子没有皮带，需要大家自己去买。</a:t>
            </a: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6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为了准备高强度的军姿训练，我们最好穿类似慢跑鞋那样的软底鞋。也可以垫上软软的鞋垫，同样起到放松脚部的作用。</a:t>
            </a: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b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</a:b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（</a:t>
            </a:r>
            <a:r>
              <a:rPr lang="en-US" altLang="zh-CN" sz="1400" dirty="0">
                <a:solidFill>
                  <a:schemeClr val="bg1"/>
                </a:solidFill>
                <a:latin typeface="+mn-ea"/>
                <a:ea typeface="+mn-ea"/>
              </a:rPr>
              <a:t>7</a:t>
            </a:r>
            <a:r>
              <a:rPr lang="zh-CN" altLang="en-US" sz="1400" dirty="0">
                <a:solidFill>
                  <a:schemeClr val="bg1"/>
                </a:solidFill>
                <a:latin typeface="+mn-ea"/>
                <a:ea typeface="+mn-ea"/>
              </a:rPr>
              <a:t>）如果身体撑不住，一定要及时向教官打报告。</a:t>
            </a:r>
            <a:endParaRPr lang="zh-CN" altLang="zh-CN" sz="14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0200" y="1550988"/>
            <a:ext cx="4180363" cy="2786909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0200" y="4469451"/>
            <a:ext cx="2203243" cy="1470095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6616" y="4469453"/>
            <a:ext cx="2090182" cy="1470094"/>
          </a:xfrm>
          <a:prstGeom prst="rect">
            <a:avLst/>
          </a:prstGeom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任意多边形 38"/>
          <p:cNvSpPr/>
          <p:nvPr/>
        </p:nvSpPr>
        <p:spPr>
          <a:xfrm>
            <a:off x="4702175" y="1713190"/>
            <a:ext cx="3217863" cy="2808287"/>
          </a:xfrm>
          <a:custGeom>
            <a:avLst/>
            <a:gdLst/>
            <a:ahLst/>
            <a:cxnLst/>
            <a:rect l="l" t="t" r="r" b="b"/>
            <a:pathLst>
              <a:path w="3217602" h="2809018">
                <a:moveTo>
                  <a:pt x="1537663" y="0"/>
                </a:moveTo>
                <a:cubicBezTo>
                  <a:pt x="1614273" y="0"/>
                  <a:pt x="1697570" y="10336"/>
                  <a:pt x="1787557" y="31009"/>
                </a:cubicBezTo>
                <a:cubicBezTo>
                  <a:pt x="1877542" y="51681"/>
                  <a:pt x="1922535" y="102146"/>
                  <a:pt x="1922535" y="182404"/>
                </a:cubicBezTo>
                <a:cubicBezTo>
                  <a:pt x="1922535" y="221316"/>
                  <a:pt x="1899431" y="260837"/>
                  <a:pt x="1853222" y="300966"/>
                </a:cubicBezTo>
                <a:cubicBezTo>
                  <a:pt x="1807012" y="341095"/>
                  <a:pt x="1759587" y="425609"/>
                  <a:pt x="1710947" y="554507"/>
                </a:cubicBezTo>
                <a:cubicBezTo>
                  <a:pt x="1859302" y="488842"/>
                  <a:pt x="1973000" y="441417"/>
                  <a:pt x="2052042" y="412232"/>
                </a:cubicBezTo>
                <a:cubicBezTo>
                  <a:pt x="2131084" y="383048"/>
                  <a:pt x="2188845" y="368455"/>
                  <a:pt x="2225325" y="368455"/>
                </a:cubicBezTo>
                <a:cubicBezTo>
                  <a:pt x="2261806" y="368455"/>
                  <a:pt x="2300111" y="383656"/>
                  <a:pt x="2340240" y="414056"/>
                </a:cubicBezTo>
                <a:cubicBezTo>
                  <a:pt x="2380369" y="444457"/>
                  <a:pt x="2433265" y="474249"/>
                  <a:pt x="2498931" y="503434"/>
                </a:cubicBezTo>
                <a:cubicBezTo>
                  <a:pt x="2564596" y="532619"/>
                  <a:pt x="2609589" y="567884"/>
                  <a:pt x="2633910" y="609228"/>
                </a:cubicBezTo>
                <a:cubicBezTo>
                  <a:pt x="2658231" y="650573"/>
                  <a:pt x="2670390" y="690094"/>
                  <a:pt x="2670390" y="727791"/>
                </a:cubicBezTo>
                <a:cubicBezTo>
                  <a:pt x="2670390" y="765488"/>
                  <a:pt x="2661879" y="789200"/>
                  <a:pt x="2644854" y="798928"/>
                </a:cubicBezTo>
                <a:cubicBezTo>
                  <a:pt x="2579188" y="830545"/>
                  <a:pt x="2543316" y="875538"/>
                  <a:pt x="2537236" y="933907"/>
                </a:cubicBezTo>
                <a:cubicBezTo>
                  <a:pt x="2531155" y="992276"/>
                  <a:pt x="2511091" y="1078006"/>
                  <a:pt x="2477042" y="1191096"/>
                </a:cubicBezTo>
                <a:cubicBezTo>
                  <a:pt x="2442994" y="1304187"/>
                  <a:pt x="2402866" y="1410589"/>
                  <a:pt x="2356656" y="1510303"/>
                </a:cubicBezTo>
                <a:cubicBezTo>
                  <a:pt x="2349360" y="1527327"/>
                  <a:pt x="2345712" y="1543136"/>
                  <a:pt x="2345712" y="1557728"/>
                </a:cubicBezTo>
                <a:cubicBezTo>
                  <a:pt x="2345712" y="1594209"/>
                  <a:pt x="2359089" y="1612449"/>
                  <a:pt x="2385841" y="1612449"/>
                </a:cubicBezTo>
                <a:cubicBezTo>
                  <a:pt x="2412593" y="1612449"/>
                  <a:pt x="2432050" y="1625825"/>
                  <a:pt x="2444210" y="1652578"/>
                </a:cubicBezTo>
                <a:cubicBezTo>
                  <a:pt x="2456370" y="1679330"/>
                  <a:pt x="2462450" y="1708515"/>
                  <a:pt x="2462450" y="1740132"/>
                </a:cubicBezTo>
                <a:cubicBezTo>
                  <a:pt x="2462450" y="1771748"/>
                  <a:pt x="2449682" y="1810661"/>
                  <a:pt x="2424146" y="1856870"/>
                </a:cubicBezTo>
                <a:cubicBezTo>
                  <a:pt x="2398609" y="1903079"/>
                  <a:pt x="2366385" y="1949288"/>
                  <a:pt x="2327471" y="1995497"/>
                </a:cubicBezTo>
                <a:cubicBezTo>
                  <a:pt x="2317743" y="2005225"/>
                  <a:pt x="2312879" y="2016777"/>
                  <a:pt x="2312879" y="2030154"/>
                </a:cubicBezTo>
                <a:cubicBezTo>
                  <a:pt x="2312879" y="2043530"/>
                  <a:pt x="2318351" y="2050218"/>
                  <a:pt x="2329296" y="2050218"/>
                </a:cubicBezTo>
                <a:cubicBezTo>
                  <a:pt x="2340240" y="2050218"/>
                  <a:pt x="2363952" y="2043530"/>
                  <a:pt x="2400433" y="2030154"/>
                </a:cubicBezTo>
                <a:cubicBezTo>
                  <a:pt x="2436914" y="2016777"/>
                  <a:pt x="2457587" y="1998537"/>
                  <a:pt x="2462450" y="1975432"/>
                </a:cubicBezTo>
                <a:cubicBezTo>
                  <a:pt x="2467314" y="1952328"/>
                  <a:pt x="2483123" y="1932872"/>
                  <a:pt x="2509875" y="1917063"/>
                </a:cubicBezTo>
                <a:cubicBezTo>
                  <a:pt x="2536628" y="1901255"/>
                  <a:pt x="2559733" y="1893351"/>
                  <a:pt x="2579188" y="1893351"/>
                </a:cubicBezTo>
                <a:cubicBezTo>
                  <a:pt x="2622965" y="1893351"/>
                  <a:pt x="2657622" y="1915847"/>
                  <a:pt x="2683159" y="1960840"/>
                </a:cubicBezTo>
                <a:cubicBezTo>
                  <a:pt x="2708695" y="2005833"/>
                  <a:pt x="2721464" y="2048394"/>
                  <a:pt x="2721464" y="2088523"/>
                </a:cubicBezTo>
                <a:cubicBezTo>
                  <a:pt x="2721464" y="2128652"/>
                  <a:pt x="2697751" y="2177293"/>
                  <a:pt x="2650326" y="2234446"/>
                </a:cubicBezTo>
                <a:cubicBezTo>
                  <a:pt x="2602901" y="2291599"/>
                  <a:pt x="2569460" y="2320176"/>
                  <a:pt x="2550004" y="2320176"/>
                </a:cubicBezTo>
                <a:cubicBezTo>
                  <a:pt x="2537844" y="2320176"/>
                  <a:pt x="2525683" y="2309839"/>
                  <a:pt x="2513523" y="2289167"/>
                </a:cubicBezTo>
                <a:cubicBezTo>
                  <a:pt x="2501364" y="2268495"/>
                  <a:pt x="2487987" y="2253902"/>
                  <a:pt x="2473394" y="2245390"/>
                </a:cubicBezTo>
                <a:cubicBezTo>
                  <a:pt x="2458802" y="2236878"/>
                  <a:pt x="2441170" y="2232622"/>
                  <a:pt x="2420498" y="2232622"/>
                </a:cubicBezTo>
                <a:cubicBezTo>
                  <a:pt x="2399824" y="2232622"/>
                  <a:pt x="2372464" y="2241742"/>
                  <a:pt x="2338416" y="2259982"/>
                </a:cubicBezTo>
                <a:cubicBezTo>
                  <a:pt x="2304367" y="2278223"/>
                  <a:pt x="2276398" y="2298287"/>
                  <a:pt x="2254510" y="2320176"/>
                </a:cubicBezTo>
                <a:cubicBezTo>
                  <a:pt x="2232622" y="2342064"/>
                  <a:pt x="2215597" y="2356656"/>
                  <a:pt x="2203437" y="2363952"/>
                </a:cubicBezTo>
                <a:cubicBezTo>
                  <a:pt x="2191277" y="2371249"/>
                  <a:pt x="2170604" y="2374897"/>
                  <a:pt x="2141420" y="2374897"/>
                </a:cubicBezTo>
                <a:cubicBezTo>
                  <a:pt x="2112235" y="2374897"/>
                  <a:pt x="2084266" y="2352400"/>
                  <a:pt x="2057514" y="2307407"/>
                </a:cubicBezTo>
                <a:cubicBezTo>
                  <a:pt x="2030761" y="2262414"/>
                  <a:pt x="2017385" y="2208301"/>
                  <a:pt x="2017385" y="2145068"/>
                </a:cubicBezTo>
                <a:cubicBezTo>
                  <a:pt x="2017385" y="2081835"/>
                  <a:pt x="2040489" y="2035626"/>
                  <a:pt x="2086699" y="2006441"/>
                </a:cubicBezTo>
                <a:cubicBezTo>
                  <a:pt x="2132908" y="1977256"/>
                  <a:pt x="2177900" y="1925575"/>
                  <a:pt x="2221677" y="1851398"/>
                </a:cubicBezTo>
                <a:cubicBezTo>
                  <a:pt x="2265454" y="1777220"/>
                  <a:pt x="2292207" y="1702435"/>
                  <a:pt x="2301935" y="1627041"/>
                </a:cubicBezTo>
                <a:cubicBezTo>
                  <a:pt x="2214381" y="1612449"/>
                  <a:pt x="2156012" y="1600897"/>
                  <a:pt x="2126827" y="1592384"/>
                </a:cubicBezTo>
                <a:cubicBezTo>
                  <a:pt x="2097643" y="1583872"/>
                  <a:pt x="2083051" y="1575360"/>
                  <a:pt x="2083051" y="1566848"/>
                </a:cubicBezTo>
                <a:cubicBezTo>
                  <a:pt x="2083051" y="1558336"/>
                  <a:pt x="2085483" y="1550432"/>
                  <a:pt x="2090347" y="1543136"/>
                </a:cubicBezTo>
                <a:cubicBezTo>
                  <a:pt x="2078187" y="1518815"/>
                  <a:pt x="2056298" y="1506655"/>
                  <a:pt x="2024681" y="1506655"/>
                </a:cubicBezTo>
                <a:cubicBezTo>
                  <a:pt x="1993064" y="1506655"/>
                  <a:pt x="1955368" y="1518815"/>
                  <a:pt x="1911591" y="1543136"/>
                </a:cubicBezTo>
                <a:cubicBezTo>
                  <a:pt x="1867814" y="1567456"/>
                  <a:pt x="1838630" y="1597857"/>
                  <a:pt x="1824037" y="1634337"/>
                </a:cubicBezTo>
                <a:cubicBezTo>
                  <a:pt x="1901862" y="1634337"/>
                  <a:pt x="1961448" y="1644674"/>
                  <a:pt x="2002793" y="1665346"/>
                </a:cubicBezTo>
                <a:cubicBezTo>
                  <a:pt x="2044137" y="1686018"/>
                  <a:pt x="2064810" y="1710339"/>
                  <a:pt x="2064810" y="1738307"/>
                </a:cubicBezTo>
                <a:cubicBezTo>
                  <a:pt x="2064810" y="1766276"/>
                  <a:pt x="2057514" y="1791205"/>
                  <a:pt x="2042922" y="1813093"/>
                </a:cubicBezTo>
                <a:cubicBezTo>
                  <a:pt x="1962664" y="1932264"/>
                  <a:pt x="1903079" y="2024073"/>
                  <a:pt x="1864166" y="2088523"/>
                </a:cubicBezTo>
                <a:cubicBezTo>
                  <a:pt x="1825253" y="2152972"/>
                  <a:pt x="1800933" y="2197965"/>
                  <a:pt x="1791205" y="2223502"/>
                </a:cubicBezTo>
                <a:cubicBezTo>
                  <a:pt x="1781476" y="2249038"/>
                  <a:pt x="1776612" y="2276399"/>
                  <a:pt x="1776612" y="2305583"/>
                </a:cubicBezTo>
                <a:cubicBezTo>
                  <a:pt x="1776612" y="2422322"/>
                  <a:pt x="1824646" y="2495283"/>
                  <a:pt x="1920711" y="2524468"/>
                </a:cubicBezTo>
                <a:cubicBezTo>
                  <a:pt x="2016777" y="2553652"/>
                  <a:pt x="2141420" y="2568245"/>
                  <a:pt x="2294639" y="2568245"/>
                </a:cubicBezTo>
                <a:cubicBezTo>
                  <a:pt x="2605941" y="2568245"/>
                  <a:pt x="2800506" y="2529332"/>
                  <a:pt x="2878331" y="2451506"/>
                </a:cubicBezTo>
                <a:cubicBezTo>
                  <a:pt x="2956156" y="2373681"/>
                  <a:pt x="3004798" y="2241134"/>
                  <a:pt x="3024254" y="2053866"/>
                </a:cubicBezTo>
                <a:cubicBezTo>
                  <a:pt x="3029117" y="2005225"/>
                  <a:pt x="3036414" y="1980905"/>
                  <a:pt x="3046143" y="1980905"/>
                </a:cubicBezTo>
                <a:cubicBezTo>
                  <a:pt x="3063167" y="1980905"/>
                  <a:pt x="3095999" y="2070282"/>
                  <a:pt x="3144641" y="2249038"/>
                </a:cubicBezTo>
                <a:cubicBezTo>
                  <a:pt x="3193281" y="2427794"/>
                  <a:pt x="3217602" y="2546964"/>
                  <a:pt x="3217602" y="2606549"/>
                </a:cubicBezTo>
                <a:cubicBezTo>
                  <a:pt x="3217602" y="2666134"/>
                  <a:pt x="3202401" y="2706872"/>
                  <a:pt x="3172001" y="2728760"/>
                </a:cubicBezTo>
                <a:cubicBezTo>
                  <a:pt x="3141601" y="2750648"/>
                  <a:pt x="3033374" y="2769497"/>
                  <a:pt x="2847322" y="2785305"/>
                </a:cubicBezTo>
                <a:cubicBezTo>
                  <a:pt x="2661270" y="2801113"/>
                  <a:pt x="2484338" y="2809018"/>
                  <a:pt x="2316527" y="2809018"/>
                </a:cubicBezTo>
                <a:cubicBezTo>
                  <a:pt x="2148716" y="2809018"/>
                  <a:pt x="2016169" y="2787129"/>
                  <a:pt x="1918887" y="2743352"/>
                </a:cubicBezTo>
                <a:cubicBezTo>
                  <a:pt x="1821605" y="2699575"/>
                  <a:pt x="1741955" y="2644854"/>
                  <a:pt x="1679938" y="2579189"/>
                </a:cubicBezTo>
                <a:cubicBezTo>
                  <a:pt x="1617921" y="2513523"/>
                  <a:pt x="1586912" y="2442994"/>
                  <a:pt x="1586912" y="2367600"/>
                </a:cubicBezTo>
                <a:cubicBezTo>
                  <a:pt x="1586912" y="2292207"/>
                  <a:pt x="1602721" y="2213773"/>
                  <a:pt x="1634337" y="2132300"/>
                </a:cubicBezTo>
                <a:cubicBezTo>
                  <a:pt x="1665954" y="2050826"/>
                  <a:pt x="1697570" y="1989417"/>
                  <a:pt x="1729187" y="1948072"/>
                </a:cubicBezTo>
                <a:cubicBezTo>
                  <a:pt x="1760804" y="1906727"/>
                  <a:pt x="1784517" y="1866598"/>
                  <a:pt x="1800324" y="1827685"/>
                </a:cubicBezTo>
                <a:cubicBezTo>
                  <a:pt x="1816133" y="1788773"/>
                  <a:pt x="1824037" y="1760196"/>
                  <a:pt x="1824037" y="1741956"/>
                </a:cubicBezTo>
                <a:cubicBezTo>
                  <a:pt x="1824037" y="1723715"/>
                  <a:pt x="1816133" y="1714595"/>
                  <a:pt x="1800324" y="1714595"/>
                </a:cubicBezTo>
                <a:cubicBezTo>
                  <a:pt x="1784517" y="1714595"/>
                  <a:pt x="1770532" y="1725539"/>
                  <a:pt x="1758372" y="1747428"/>
                </a:cubicBezTo>
                <a:cubicBezTo>
                  <a:pt x="1714595" y="1825253"/>
                  <a:pt x="1630081" y="1934696"/>
                  <a:pt x="1504831" y="2075755"/>
                </a:cubicBezTo>
                <a:cubicBezTo>
                  <a:pt x="1379580" y="2216813"/>
                  <a:pt x="1256762" y="2342672"/>
                  <a:pt x="1136375" y="2453330"/>
                </a:cubicBezTo>
                <a:cubicBezTo>
                  <a:pt x="1015989" y="2563988"/>
                  <a:pt x="949715" y="2621750"/>
                  <a:pt x="937555" y="2626614"/>
                </a:cubicBezTo>
                <a:cubicBezTo>
                  <a:pt x="925395" y="2631478"/>
                  <a:pt x="915667" y="2633910"/>
                  <a:pt x="908371" y="2633910"/>
                </a:cubicBezTo>
                <a:cubicBezTo>
                  <a:pt x="871890" y="2633910"/>
                  <a:pt x="853650" y="2609589"/>
                  <a:pt x="853650" y="2560948"/>
                </a:cubicBezTo>
                <a:cubicBezTo>
                  <a:pt x="853650" y="2526900"/>
                  <a:pt x="865810" y="2496499"/>
                  <a:pt x="890130" y="2469746"/>
                </a:cubicBezTo>
                <a:cubicBezTo>
                  <a:pt x="1208729" y="2131692"/>
                  <a:pt x="1382620" y="1915239"/>
                  <a:pt x="1411805" y="1820389"/>
                </a:cubicBezTo>
                <a:cubicBezTo>
                  <a:pt x="1309658" y="1876326"/>
                  <a:pt x="1234265" y="1904295"/>
                  <a:pt x="1185624" y="1904295"/>
                </a:cubicBezTo>
                <a:cubicBezTo>
                  <a:pt x="1122391" y="1904295"/>
                  <a:pt x="1073750" y="1850790"/>
                  <a:pt x="1039701" y="1743780"/>
                </a:cubicBezTo>
                <a:cubicBezTo>
                  <a:pt x="930259" y="1763236"/>
                  <a:pt x="820209" y="1816741"/>
                  <a:pt x="709551" y="1904295"/>
                </a:cubicBezTo>
                <a:cubicBezTo>
                  <a:pt x="598892" y="1991849"/>
                  <a:pt x="543563" y="2052650"/>
                  <a:pt x="543563" y="2086699"/>
                </a:cubicBezTo>
                <a:cubicBezTo>
                  <a:pt x="543563" y="2145068"/>
                  <a:pt x="509514" y="2174253"/>
                  <a:pt x="441417" y="2174253"/>
                </a:cubicBezTo>
                <a:cubicBezTo>
                  <a:pt x="373320" y="2174253"/>
                  <a:pt x="318599" y="2142636"/>
                  <a:pt x="277254" y="2079403"/>
                </a:cubicBezTo>
                <a:cubicBezTo>
                  <a:pt x="235909" y="2016169"/>
                  <a:pt x="215236" y="1940776"/>
                  <a:pt x="215236" y="1853222"/>
                </a:cubicBezTo>
                <a:cubicBezTo>
                  <a:pt x="215236" y="1836198"/>
                  <a:pt x="217668" y="1814309"/>
                  <a:pt x="222532" y="1787556"/>
                </a:cubicBezTo>
                <a:cubicBezTo>
                  <a:pt x="227397" y="1760804"/>
                  <a:pt x="243813" y="1730403"/>
                  <a:pt x="271782" y="1696355"/>
                </a:cubicBezTo>
                <a:cubicBezTo>
                  <a:pt x="299750" y="1662306"/>
                  <a:pt x="381832" y="1545568"/>
                  <a:pt x="518026" y="1346140"/>
                </a:cubicBezTo>
                <a:cubicBezTo>
                  <a:pt x="411016" y="1414237"/>
                  <a:pt x="282118" y="1507871"/>
                  <a:pt x="131331" y="1627041"/>
                </a:cubicBezTo>
                <a:cubicBezTo>
                  <a:pt x="121603" y="1634337"/>
                  <a:pt x="113090" y="1637985"/>
                  <a:pt x="105794" y="1637985"/>
                </a:cubicBezTo>
                <a:cubicBezTo>
                  <a:pt x="76609" y="1637985"/>
                  <a:pt x="51681" y="1608801"/>
                  <a:pt x="31008" y="1550432"/>
                </a:cubicBezTo>
                <a:cubicBezTo>
                  <a:pt x="10336" y="1492063"/>
                  <a:pt x="0" y="1433085"/>
                  <a:pt x="0" y="1373500"/>
                </a:cubicBezTo>
                <a:cubicBezTo>
                  <a:pt x="0" y="1313915"/>
                  <a:pt x="11552" y="1273786"/>
                  <a:pt x="34656" y="1253114"/>
                </a:cubicBezTo>
                <a:cubicBezTo>
                  <a:pt x="57761" y="1232441"/>
                  <a:pt x="94850" y="1219673"/>
                  <a:pt x="145923" y="1214809"/>
                </a:cubicBezTo>
                <a:cubicBezTo>
                  <a:pt x="277254" y="1110231"/>
                  <a:pt x="420745" y="958228"/>
                  <a:pt x="576396" y="758800"/>
                </a:cubicBezTo>
                <a:cubicBezTo>
                  <a:pt x="420745" y="581260"/>
                  <a:pt x="342919" y="468169"/>
                  <a:pt x="342919" y="419528"/>
                </a:cubicBezTo>
                <a:cubicBezTo>
                  <a:pt x="342919" y="383048"/>
                  <a:pt x="366631" y="370279"/>
                  <a:pt x="414056" y="381224"/>
                </a:cubicBezTo>
                <a:cubicBezTo>
                  <a:pt x="461481" y="392168"/>
                  <a:pt x="507082" y="397640"/>
                  <a:pt x="550859" y="397640"/>
                </a:cubicBezTo>
                <a:cubicBezTo>
                  <a:pt x="582476" y="397640"/>
                  <a:pt x="637197" y="383656"/>
                  <a:pt x="715023" y="355687"/>
                </a:cubicBezTo>
                <a:cubicBezTo>
                  <a:pt x="792848" y="327718"/>
                  <a:pt x="853650" y="299142"/>
                  <a:pt x="897426" y="269957"/>
                </a:cubicBezTo>
                <a:cubicBezTo>
                  <a:pt x="916883" y="257797"/>
                  <a:pt x="936947" y="251717"/>
                  <a:pt x="957619" y="251717"/>
                </a:cubicBezTo>
                <a:cubicBezTo>
                  <a:pt x="978292" y="251717"/>
                  <a:pt x="1013557" y="274821"/>
                  <a:pt x="1063414" y="321030"/>
                </a:cubicBezTo>
                <a:cubicBezTo>
                  <a:pt x="1113270" y="367239"/>
                  <a:pt x="1138199" y="403112"/>
                  <a:pt x="1138199" y="428649"/>
                </a:cubicBezTo>
                <a:cubicBezTo>
                  <a:pt x="1138199" y="454185"/>
                  <a:pt x="1130903" y="479722"/>
                  <a:pt x="1116310" y="505258"/>
                </a:cubicBezTo>
                <a:cubicBezTo>
                  <a:pt x="1101718" y="530795"/>
                  <a:pt x="1063414" y="578220"/>
                  <a:pt x="1001396" y="647533"/>
                </a:cubicBezTo>
                <a:cubicBezTo>
                  <a:pt x="939379" y="716847"/>
                  <a:pt x="863378" y="791024"/>
                  <a:pt x="773392" y="870066"/>
                </a:cubicBezTo>
                <a:cubicBezTo>
                  <a:pt x="683406" y="949107"/>
                  <a:pt x="567883" y="1042133"/>
                  <a:pt x="426825" y="1149144"/>
                </a:cubicBezTo>
                <a:cubicBezTo>
                  <a:pt x="555724" y="1115095"/>
                  <a:pt x="648141" y="1073750"/>
                  <a:pt x="704079" y="1025109"/>
                </a:cubicBezTo>
                <a:cubicBezTo>
                  <a:pt x="711375" y="1005652"/>
                  <a:pt x="730831" y="989844"/>
                  <a:pt x="762448" y="977684"/>
                </a:cubicBezTo>
                <a:cubicBezTo>
                  <a:pt x="794064" y="965524"/>
                  <a:pt x="820209" y="959444"/>
                  <a:pt x="840881" y="959444"/>
                </a:cubicBezTo>
                <a:cubicBezTo>
                  <a:pt x="861553" y="959444"/>
                  <a:pt x="876754" y="960660"/>
                  <a:pt x="886482" y="963092"/>
                </a:cubicBezTo>
                <a:cubicBezTo>
                  <a:pt x="913235" y="955795"/>
                  <a:pt x="937555" y="952147"/>
                  <a:pt x="959444" y="952147"/>
                </a:cubicBezTo>
                <a:cubicBezTo>
                  <a:pt x="981332" y="952147"/>
                  <a:pt x="1000788" y="969780"/>
                  <a:pt x="1017813" y="1005045"/>
                </a:cubicBezTo>
                <a:cubicBezTo>
                  <a:pt x="1034837" y="1040309"/>
                  <a:pt x="1043349" y="1066454"/>
                  <a:pt x="1043349" y="1083478"/>
                </a:cubicBezTo>
                <a:cubicBezTo>
                  <a:pt x="1043349" y="1144279"/>
                  <a:pt x="967956" y="1211161"/>
                  <a:pt x="817169" y="1284122"/>
                </a:cubicBezTo>
                <a:cubicBezTo>
                  <a:pt x="717454" y="1488414"/>
                  <a:pt x="618957" y="1636769"/>
                  <a:pt x="521675" y="1729187"/>
                </a:cubicBezTo>
                <a:cubicBezTo>
                  <a:pt x="650573" y="1690275"/>
                  <a:pt x="772176" y="1644066"/>
                  <a:pt x="886482" y="1590560"/>
                </a:cubicBezTo>
                <a:cubicBezTo>
                  <a:pt x="864594" y="1551648"/>
                  <a:pt x="853650" y="1513343"/>
                  <a:pt x="853650" y="1475646"/>
                </a:cubicBezTo>
                <a:cubicBezTo>
                  <a:pt x="853650" y="1437949"/>
                  <a:pt x="866418" y="1406941"/>
                  <a:pt x="891954" y="1382620"/>
                </a:cubicBezTo>
                <a:cubicBezTo>
                  <a:pt x="917490" y="1358300"/>
                  <a:pt x="946067" y="1346140"/>
                  <a:pt x="977684" y="1346140"/>
                </a:cubicBezTo>
                <a:cubicBezTo>
                  <a:pt x="1053077" y="1346140"/>
                  <a:pt x="1136983" y="1422749"/>
                  <a:pt x="1229401" y="1575968"/>
                </a:cubicBezTo>
                <a:cubicBezTo>
                  <a:pt x="1278042" y="1556512"/>
                  <a:pt x="1313306" y="1533407"/>
                  <a:pt x="1335195" y="1506655"/>
                </a:cubicBezTo>
                <a:cubicBezTo>
                  <a:pt x="1308442" y="1450718"/>
                  <a:pt x="1289594" y="1401469"/>
                  <a:pt x="1278650" y="1358908"/>
                </a:cubicBezTo>
                <a:cubicBezTo>
                  <a:pt x="1267706" y="1316347"/>
                  <a:pt x="1260410" y="1256154"/>
                  <a:pt x="1256762" y="1178328"/>
                </a:cubicBezTo>
                <a:cubicBezTo>
                  <a:pt x="1253114" y="1100503"/>
                  <a:pt x="1244601" y="1044565"/>
                  <a:pt x="1231225" y="1010517"/>
                </a:cubicBezTo>
                <a:cubicBezTo>
                  <a:pt x="1217849" y="976468"/>
                  <a:pt x="1205080" y="954579"/>
                  <a:pt x="1192920" y="944851"/>
                </a:cubicBezTo>
                <a:cubicBezTo>
                  <a:pt x="1163735" y="920531"/>
                  <a:pt x="1149143" y="888914"/>
                  <a:pt x="1149143" y="850001"/>
                </a:cubicBezTo>
                <a:cubicBezTo>
                  <a:pt x="1149143" y="789200"/>
                  <a:pt x="1181976" y="735695"/>
                  <a:pt x="1247641" y="689486"/>
                </a:cubicBezTo>
                <a:cubicBezTo>
                  <a:pt x="1296282" y="655437"/>
                  <a:pt x="1361948" y="578828"/>
                  <a:pt x="1444637" y="459657"/>
                </a:cubicBezTo>
                <a:cubicBezTo>
                  <a:pt x="1527327" y="340487"/>
                  <a:pt x="1568672" y="254149"/>
                  <a:pt x="1568672" y="200644"/>
                </a:cubicBezTo>
                <a:cubicBezTo>
                  <a:pt x="1568672" y="178755"/>
                  <a:pt x="1560768" y="158691"/>
                  <a:pt x="1544959" y="140451"/>
                </a:cubicBezTo>
                <a:cubicBezTo>
                  <a:pt x="1529151" y="122210"/>
                  <a:pt x="1498142" y="96066"/>
                  <a:pt x="1451933" y="62017"/>
                </a:cubicBezTo>
                <a:cubicBezTo>
                  <a:pt x="1432477" y="47425"/>
                  <a:pt x="1422749" y="33441"/>
                  <a:pt x="1422749" y="20064"/>
                </a:cubicBezTo>
                <a:cubicBezTo>
                  <a:pt x="1422749" y="6688"/>
                  <a:pt x="1461054" y="0"/>
                  <a:pt x="1537663" y="0"/>
                </a:cubicBezTo>
                <a:close/>
                <a:moveTo>
                  <a:pt x="1546783" y="660301"/>
                </a:moveTo>
                <a:cubicBezTo>
                  <a:pt x="1451933" y="711375"/>
                  <a:pt x="1372892" y="744207"/>
                  <a:pt x="1309658" y="758800"/>
                </a:cubicBezTo>
                <a:cubicBezTo>
                  <a:pt x="1331547" y="790416"/>
                  <a:pt x="1358300" y="831761"/>
                  <a:pt x="1389916" y="882834"/>
                </a:cubicBezTo>
                <a:cubicBezTo>
                  <a:pt x="1426397" y="812305"/>
                  <a:pt x="1478686" y="738127"/>
                  <a:pt x="1546783" y="660301"/>
                </a:cubicBezTo>
                <a:close/>
                <a:moveTo>
                  <a:pt x="1597857" y="766096"/>
                </a:moveTo>
                <a:cubicBezTo>
                  <a:pt x="1566240" y="766096"/>
                  <a:pt x="1538271" y="772784"/>
                  <a:pt x="1513951" y="786160"/>
                </a:cubicBezTo>
                <a:cubicBezTo>
                  <a:pt x="1489631" y="799536"/>
                  <a:pt x="1470174" y="820817"/>
                  <a:pt x="1455581" y="850001"/>
                </a:cubicBezTo>
                <a:cubicBezTo>
                  <a:pt x="1440989" y="879186"/>
                  <a:pt x="1433085" y="908371"/>
                  <a:pt x="1431869" y="937555"/>
                </a:cubicBezTo>
                <a:cubicBezTo>
                  <a:pt x="1430653" y="966740"/>
                  <a:pt x="1431261" y="1010517"/>
                  <a:pt x="1433693" y="1068886"/>
                </a:cubicBezTo>
                <a:cubicBezTo>
                  <a:pt x="1526111" y="1022677"/>
                  <a:pt x="1618529" y="980116"/>
                  <a:pt x="1710947" y="941203"/>
                </a:cubicBezTo>
                <a:cubicBezTo>
                  <a:pt x="1713379" y="894994"/>
                  <a:pt x="1712162" y="842705"/>
                  <a:pt x="1707299" y="784336"/>
                </a:cubicBezTo>
                <a:cubicBezTo>
                  <a:pt x="1665954" y="772176"/>
                  <a:pt x="1629473" y="766096"/>
                  <a:pt x="1597857" y="766096"/>
                </a:cubicBezTo>
                <a:close/>
                <a:moveTo>
                  <a:pt x="1470174" y="1262234"/>
                </a:moveTo>
                <a:cubicBezTo>
                  <a:pt x="1465309" y="1313307"/>
                  <a:pt x="1470174" y="1366812"/>
                  <a:pt x="1484766" y="1422749"/>
                </a:cubicBezTo>
                <a:cubicBezTo>
                  <a:pt x="1526111" y="1398429"/>
                  <a:pt x="1574752" y="1357084"/>
                  <a:pt x="1630689" y="1298715"/>
                </a:cubicBezTo>
                <a:cubicBezTo>
                  <a:pt x="1577185" y="1274394"/>
                  <a:pt x="1523679" y="1262234"/>
                  <a:pt x="1470174" y="1262234"/>
                </a:cubicBezTo>
                <a:close/>
                <a:moveTo>
                  <a:pt x="2234446" y="521674"/>
                </a:moveTo>
                <a:cubicBezTo>
                  <a:pt x="2216205" y="521674"/>
                  <a:pt x="2197357" y="528971"/>
                  <a:pt x="2177900" y="543563"/>
                </a:cubicBezTo>
                <a:cubicBezTo>
                  <a:pt x="2136556" y="570315"/>
                  <a:pt x="2064810" y="595852"/>
                  <a:pt x="1962664" y="620173"/>
                </a:cubicBezTo>
                <a:cubicBezTo>
                  <a:pt x="1969960" y="680974"/>
                  <a:pt x="1982120" y="753935"/>
                  <a:pt x="1999145" y="839057"/>
                </a:cubicBezTo>
                <a:cubicBezTo>
                  <a:pt x="2079403" y="856082"/>
                  <a:pt x="2119531" y="905939"/>
                  <a:pt x="2119531" y="988628"/>
                </a:cubicBezTo>
                <a:cubicBezTo>
                  <a:pt x="2119531" y="1034837"/>
                  <a:pt x="2101899" y="1069494"/>
                  <a:pt x="2066634" y="1092598"/>
                </a:cubicBezTo>
                <a:cubicBezTo>
                  <a:pt x="2031369" y="1115703"/>
                  <a:pt x="2001577" y="1139415"/>
                  <a:pt x="1977256" y="1163736"/>
                </a:cubicBezTo>
                <a:cubicBezTo>
                  <a:pt x="1952935" y="1188056"/>
                  <a:pt x="1938951" y="1211161"/>
                  <a:pt x="1935303" y="1233049"/>
                </a:cubicBezTo>
                <a:cubicBezTo>
                  <a:pt x="1931655" y="1254938"/>
                  <a:pt x="1929832" y="1282906"/>
                  <a:pt x="1929832" y="1316955"/>
                </a:cubicBezTo>
                <a:cubicBezTo>
                  <a:pt x="2000360" y="1299931"/>
                  <a:pt x="2053866" y="1291418"/>
                  <a:pt x="2090347" y="1291418"/>
                </a:cubicBezTo>
                <a:cubicBezTo>
                  <a:pt x="2126827" y="1291418"/>
                  <a:pt x="2157228" y="1302363"/>
                  <a:pt x="2181549" y="1324251"/>
                </a:cubicBezTo>
                <a:cubicBezTo>
                  <a:pt x="2210733" y="1270746"/>
                  <a:pt x="2244174" y="1168600"/>
                  <a:pt x="2281871" y="1017813"/>
                </a:cubicBezTo>
                <a:cubicBezTo>
                  <a:pt x="2319567" y="867026"/>
                  <a:pt x="2338416" y="766704"/>
                  <a:pt x="2338416" y="716847"/>
                </a:cubicBezTo>
                <a:cubicBezTo>
                  <a:pt x="2338416" y="666990"/>
                  <a:pt x="2325648" y="621997"/>
                  <a:pt x="2300111" y="581868"/>
                </a:cubicBezTo>
                <a:cubicBezTo>
                  <a:pt x="2274575" y="541739"/>
                  <a:pt x="2252686" y="521674"/>
                  <a:pt x="2234446" y="521674"/>
                </a:cubicBezTo>
                <a:close/>
              </a:path>
            </a:pathLst>
          </a:custGeom>
          <a:solidFill>
            <a:schemeClr val="tx1">
              <a:lumMod val="50000"/>
              <a:lumOff val="50000"/>
              <a:alpha val="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40" name="组合 39"/>
          <p:cNvGrpSpPr/>
          <p:nvPr/>
        </p:nvGrpSpPr>
        <p:grpSpPr>
          <a:xfrm>
            <a:off x="552422" y="861337"/>
            <a:ext cx="3243138" cy="3166529"/>
            <a:chOff x="-1855351" y="1280575"/>
            <a:chExt cx="3243138" cy="3166529"/>
          </a:xfrm>
          <a:solidFill>
            <a:schemeClr val="tx1">
              <a:lumMod val="50000"/>
              <a:lumOff val="50000"/>
              <a:alpha val="0"/>
            </a:schemeClr>
          </a:solidFill>
        </p:grpSpPr>
        <p:sp>
          <p:nvSpPr>
            <p:cNvPr id="42" name="任意多边形 41"/>
            <p:cNvSpPr/>
            <p:nvPr/>
          </p:nvSpPr>
          <p:spPr>
            <a:xfrm>
              <a:off x="-337753" y="1280575"/>
              <a:ext cx="1725540" cy="3166529"/>
            </a:xfrm>
            <a:custGeom>
              <a:avLst/>
              <a:gdLst/>
              <a:ahLst/>
              <a:cxnLst/>
              <a:rect l="l" t="t" r="r" b="b"/>
              <a:pathLst>
                <a:path w="1725540" h="3166529">
                  <a:moveTo>
                    <a:pt x="809873" y="0"/>
                  </a:moveTo>
                  <a:cubicBezTo>
                    <a:pt x="885266" y="0"/>
                    <a:pt x="944244" y="37089"/>
                    <a:pt x="986804" y="111266"/>
                  </a:cubicBezTo>
                  <a:cubicBezTo>
                    <a:pt x="1029365" y="185444"/>
                    <a:pt x="1050646" y="248677"/>
                    <a:pt x="1050646" y="300966"/>
                  </a:cubicBezTo>
                  <a:cubicBezTo>
                    <a:pt x="1050646" y="353255"/>
                    <a:pt x="1044566" y="414665"/>
                    <a:pt x="1032405" y="485194"/>
                  </a:cubicBezTo>
                  <a:cubicBezTo>
                    <a:pt x="1098071" y="460873"/>
                    <a:pt x="1157048" y="448713"/>
                    <a:pt x="1209337" y="448713"/>
                  </a:cubicBezTo>
                  <a:cubicBezTo>
                    <a:pt x="1261626" y="448713"/>
                    <a:pt x="1309659" y="465130"/>
                    <a:pt x="1353436" y="497962"/>
                  </a:cubicBezTo>
                  <a:cubicBezTo>
                    <a:pt x="1397213" y="530795"/>
                    <a:pt x="1419101" y="567884"/>
                    <a:pt x="1419101" y="609229"/>
                  </a:cubicBezTo>
                  <a:cubicBezTo>
                    <a:pt x="1419101" y="650573"/>
                    <a:pt x="1394173" y="684622"/>
                    <a:pt x="1344316" y="711375"/>
                  </a:cubicBezTo>
                  <a:cubicBezTo>
                    <a:pt x="1294459" y="738127"/>
                    <a:pt x="1240346" y="781296"/>
                    <a:pt x="1181977" y="840881"/>
                  </a:cubicBezTo>
                  <a:cubicBezTo>
                    <a:pt x="1123608" y="900467"/>
                    <a:pt x="1094423" y="937555"/>
                    <a:pt x="1094423" y="952148"/>
                  </a:cubicBezTo>
                  <a:cubicBezTo>
                    <a:pt x="1094423" y="964308"/>
                    <a:pt x="1109015" y="970388"/>
                    <a:pt x="1138200" y="970388"/>
                  </a:cubicBezTo>
                  <a:cubicBezTo>
                    <a:pt x="1167384" y="970388"/>
                    <a:pt x="1199001" y="988629"/>
                    <a:pt x="1233050" y="1025109"/>
                  </a:cubicBezTo>
                  <a:cubicBezTo>
                    <a:pt x="1267098" y="1061590"/>
                    <a:pt x="1284123" y="1092599"/>
                    <a:pt x="1284123" y="1118135"/>
                  </a:cubicBezTo>
                  <a:cubicBezTo>
                    <a:pt x="1284123" y="1143672"/>
                    <a:pt x="1272570" y="1164344"/>
                    <a:pt x="1249466" y="1180152"/>
                  </a:cubicBezTo>
                  <a:cubicBezTo>
                    <a:pt x="1226362" y="1195961"/>
                    <a:pt x="1206297" y="1218457"/>
                    <a:pt x="1189273" y="1247642"/>
                  </a:cubicBezTo>
                  <a:cubicBezTo>
                    <a:pt x="1218457" y="1298715"/>
                    <a:pt x="1269530" y="1332156"/>
                    <a:pt x="1342492" y="1347964"/>
                  </a:cubicBezTo>
                  <a:cubicBezTo>
                    <a:pt x="1415454" y="1363772"/>
                    <a:pt x="1467743" y="1388701"/>
                    <a:pt x="1499359" y="1422749"/>
                  </a:cubicBezTo>
                  <a:cubicBezTo>
                    <a:pt x="1530976" y="1456798"/>
                    <a:pt x="1546784" y="1488415"/>
                    <a:pt x="1546784" y="1517599"/>
                  </a:cubicBezTo>
                  <a:cubicBezTo>
                    <a:pt x="1546784" y="1546784"/>
                    <a:pt x="1527328" y="1561376"/>
                    <a:pt x="1488415" y="1561376"/>
                  </a:cubicBezTo>
                  <a:cubicBezTo>
                    <a:pt x="1473823" y="1561376"/>
                    <a:pt x="1453758" y="1557728"/>
                    <a:pt x="1428222" y="1550432"/>
                  </a:cubicBezTo>
                  <a:cubicBezTo>
                    <a:pt x="1402685" y="1543136"/>
                    <a:pt x="1370460" y="1539488"/>
                    <a:pt x="1331548" y="1539488"/>
                  </a:cubicBezTo>
                  <a:cubicBezTo>
                    <a:pt x="1173465" y="1539488"/>
                    <a:pt x="980116" y="1608801"/>
                    <a:pt x="751504" y="1747428"/>
                  </a:cubicBezTo>
                  <a:cubicBezTo>
                    <a:pt x="710159" y="1791205"/>
                    <a:pt x="685838" y="1862950"/>
                    <a:pt x="678542" y="1962664"/>
                  </a:cubicBezTo>
                  <a:cubicBezTo>
                    <a:pt x="795281" y="1926184"/>
                    <a:pt x="908371" y="1894567"/>
                    <a:pt x="1017813" y="1867814"/>
                  </a:cubicBezTo>
                  <a:cubicBezTo>
                    <a:pt x="1008085" y="1845926"/>
                    <a:pt x="1003221" y="1823430"/>
                    <a:pt x="1003221" y="1800325"/>
                  </a:cubicBezTo>
                  <a:cubicBezTo>
                    <a:pt x="1003221" y="1777221"/>
                    <a:pt x="1012949" y="1758372"/>
                    <a:pt x="1032405" y="1743780"/>
                  </a:cubicBezTo>
                  <a:cubicBezTo>
                    <a:pt x="1051862" y="1729188"/>
                    <a:pt x="1087735" y="1721892"/>
                    <a:pt x="1140024" y="1721892"/>
                  </a:cubicBezTo>
                  <a:cubicBezTo>
                    <a:pt x="1192313" y="1721892"/>
                    <a:pt x="1233658" y="1730404"/>
                    <a:pt x="1264058" y="1747428"/>
                  </a:cubicBezTo>
                  <a:cubicBezTo>
                    <a:pt x="1294459" y="1764452"/>
                    <a:pt x="1324252" y="1793637"/>
                    <a:pt x="1353436" y="1834982"/>
                  </a:cubicBezTo>
                  <a:cubicBezTo>
                    <a:pt x="1443422" y="1832550"/>
                    <a:pt x="1527936" y="1850182"/>
                    <a:pt x="1606977" y="1887879"/>
                  </a:cubicBezTo>
                  <a:cubicBezTo>
                    <a:pt x="1686019" y="1925576"/>
                    <a:pt x="1725540" y="1959624"/>
                    <a:pt x="1725540" y="1990025"/>
                  </a:cubicBezTo>
                  <a:cubicBezTo>
                    <a:pt x="1725540" y="2020426"/>
                    <a:pt x="1686627" y="2035626"/>
                    <a:pt x="1608801" y="2035626"/>
                  </a:cubicBezTo>
                  <a:cubicBezTo>
                    <a:pt x="1530976" y="2035626"/>
                    <a:pt x="1445854" y="2028330"/>
                    <a:pt x="1353436" y="2013737"/>
                  </a:cubicBezTo>
                  <a:cubicBezTo>
                    <a:pt x="1341276" y="2140204"/>
                    <a:pt x="1334588" y="2238702"/>
                    <a:pt x="1333372" y="2309232"/>
                  </a:cubicBezTo>
                  <a:cubicBezTo>
                    <a:pt x="1332156" y="2379761"/>
                    <a:pt x="1331548" y="2557301"/>
                    <a:pt x="1331548" y="2841851"/>
                  </a:cubicBezTo>
                  <a:cubicBezTo>
                    <a:pt x="1331548" y="2892924"/>
                    <a:pt x="1321211" y="2959805"/>
                    <a:pt x="1300539" y="3042495"/>
                  </a:cubicBezTo>
                  <a:cubicBezTo>
                    <a:pt x="1279866" y="3125184"/>
                    <a:pt x="1247642" y="3166529"/>
                    <a:pt x="1203865" y="3166529"/>
                  </a:cubicBezTo>
                  <a:cubicBezTo>
                    <a:pt x="1177113" y="3166529"/>
                    <a:pt x="1152184" y="3154977"/>
                    <a:pt x="1129079" y="3131872"/>
                  </a:cubicBezTo>
                  <a:cubicBezTo>
                    <a:pt x="1105975" y="3108768"/>
                    <a:pt x="1046390" y="3063775"/>
                    <a:pt x="950324" y="2996894"/>
                  </a:cubicBezTo>
                  <a:cubicBezTo>
                    <a:pt x="854258" y="2930012"/>
                    <a:pt x="807441" y="2868603"/>
                    <a:pt x="809873" y="2812666"/>
                  </a:cubicBezTo>
                  <a:cubicBezTo>
                    <a:pt x="753936" y="2761593"/>
                    <a:pt x="711983" y="2708088"/>
                    <a:pt x="684014" y="2652151"/>
                  </a:cubicBezTo>
                  <a:cubicBezTo>
                    <a:pt x="656046" y="2596213"/>
                    <a:pt x="642062" y="2548788"/>
                    <a:pt x="642062" y="2509876"/>
                  </a:cubicBezTo>
                  <a:cubicBezTo>
                    <a:pt x="642062" y="2470963"/>
                    <a:pt x="659086" y="2435698"/>
                    <a:pt x="693135" y="2404082"/>
                  </a:cubicBezTo>
                  <a:cubicBezTo>
                    <a:pt x="727183" y="2372465"/>
                    <a:pt x="772784" y="2356657"/>
                    <a:pt x="829937" y="2356657"/>
                  </a:cubicBezTo>
                  <a:cubicBezTo>
                    <a:pt x="887090" y="2356657"/>
                    <a:pt x="938163" y="2371857"/>
                    <a:pt x="983157" y="2402258"/>
                  </a:cubicBezTo>
                  <a:cubicBezTo>
                    <a:pt x="1028149" y="2432658"/>
                    <a:pt x="1050646" y="2470963"/>
                    <a:pt x="1050646" y="2517172"/>
                  </a:cubicBezTo>
                  <a:cubicBezTo>
                    <a:pt x="1050646" y="2624182"/>
                    <a:pt x="1023893" y="2677687"/>
                    <a:pt x="970388" y="2677687"/>
                  </a:cubicBezTo>
                  <a:cubicBezTo>
                    <a:pt x="929043" y="2677687"/>
                    <a:pt x="893171" y="2645463"/>
                    <a:pt x="862770" y="2581013"/>
                  </a:cubicBezTo>
                  <a:cubicBezTo>
                    <a:pt x="832369" y="2516564"/>
                    <a:pt x="806225" y="2484339"/>
                    <a:pt x="784336" y="2484339"/>
                  </a:cubicBezTo>
                  <a:cubicBezTo>
                    <a:pt x="772176" y="2484339"/>
                    <a:pt x="758800" y="2492243"/>
                    <a:pt x="744208" y="2508052"/>
                  </a:cubicBezTo>
                  <a:cubicBezTo>
                    <a:pt x="729615" y="2523860"/>
                    <a:pt x="722319" y="2543925"/>
                    <a:pt x="722319" y="2568245"/>
                  </a:cubicBezTo>
                  <a:cubicBezTo>
                    <a:pt x="722319" y="2653367"/>
                    <a:pt x="772176" y="2726328"/>
                    <a:pt x="871890" y="2787129"/>
                  </a:cubicBezTo>
                  <a:cubicBezTo>
                    <a:pt x="966740" y="2804154"/>
                    <a:pt x="1033621" y="2812666"/>
                    <a:pt x="1072534" y="2812666"/>
                  </a:cubicBezTo>
                  <a:cubicBezTo>
                    <a:pt x="1111447" y="2812666"/>
                    <a:pt x="1132727" y="2805978"/>
                    <a:pt x="1136376" y="2792601"/>
                  </a:cubicBezTo>
                  <a:cubicBezTo>
                    <a:pt x="1140024" y="2779225"/>
                    <a:pt x="1143672" y="2729976"/>
                    <a:pt x="1147320" y="2644854"/>
                  </a:cubicBezTo>
                  <a:cubicBezTo>
                    <a:pt x="1150968" y="2559733"/>
                    <a:pt x="1152792" y="2481299"/>
                    <a:pt x="1152792" y="2409554"/>
                  </a:cubicBezTo>
                  <a:cubicBezTo>
                    <a:pt x="1152792" y="2337808"/>
                    <a:pt x="1147928" y="2205870"/>
                    <a:pt x="1138200" y="2013737"/>
                  </a:cubicBezTo>
                  <a:cubicBezTo>
                    <a:pt x="875538" y="2074539"/>
                    <a:pt x="694350" y="2153580"/>
                    <a:pt x="594637" y="2250862"/>
                  </a:cubicBezTo>
                  <a:cubicBezTo>
                    <a:pt x="514379" y="2503796"/>
                    <a:pt x="445674" y="2662487"/>
                    <a:pt x="388520" y="2726936"/>
                  </a:cubicBezTo>
                  <a:cubicBezTo>
                    <a:pt x="331367" y="2791386"/>
                    <a:pt x="276646" y="2823610"/>
                    <a:pt x="224357" y="2823610"/>
                  </a:cubicBezTo>
                  <a:cubicBezTo>
                    <a:pt x="172068" y="2823610"/>
                    <a:pt x="139235" y="2801114"/>
                    <a:pt x="125859" y="2756121"/>
                  </a:cubicBezTo>
                  <a:cubicBezTo>
                    <a:pt x="112482" y="2711128"/>
                    <a:pt x="83906" y="2672823"/>
                    <a:pt x="40129" y="2641206"/>
                  </a:cubicBezTo>
                  <a:cubicBezTo>
                    <a:pt x="13376" y="2621750"/>
                    <a:pt x="0" y="2596822"/>
                    <a:pt x="0" y="2566421"/>
                  </a:cubicBezTo>
                  <a:cubicBezTo>
                    <a:pt x="0" y="2536020"/>
                    <a:pt x="27361" y="2469747"/>
                    <a:pt x="82082" y="2367601"/>
                  </a:cubicBezTo>
                  <a:cubicBezTo>
                    <a:pt x="136803" y="2265455"/>
                    <a:pt x="212805" y="2197357"/>
                    <a:pt x="310087" y="2163309"/>
                  </a:cubicBezTo>
                  <a:cubicBezTo>
                    <a:pt x="351431" y="2104939"/>
                    <a:pt x="404937" y="2062378"/>
                    <a:pt x="470602" y="2035626"/>
                  </a:cubicBezTo>
                  <a:cubicBezTo>
                    <a:pt x="482762" y="2004009"/>
                    <a:pt x="501003" y="1949288"/>
                    <a:pt x="525323" y="1871463"/>
                  </a:cubicBezTo>
                  <a:cubicBezTo>
                    <a:pt x="393992" y="1951720"/>
                    <a:pt x="295494" y="1991849"/>
                    <a:pt x="229829" y="1991849"/>
                  </a:cubicBezTo>
                  <a:cubicBezTo>
                    <a:pt x="127683" y="1991849"/>
                    <a:pt x="76610" y="1938344"/>
                    <a:pt x="76610" y="1831334"/>
                  </a:cubicBezTo>
                  <a:cubicBezTo>
                    <a:pt x="76610" y="1758372"/>
                    <a:pt x="101538" y="1668386"/>
                    <a:pt x="151395" y="1561376"/>
                  </a:cubicBezTo>
                  <a:cubicBezTo>
                    <a:pt x="201252" y="1454366"/>
                    <a:pt x="240165" y="1360732"/>
                    <a:pt x="268134" y="1280475"/>
                  </a:cubicBezTo>
                  <a:cubicBezTo>
                    <a:pt x="296102" y="1200217"/>
                    <a:pt x="313127" y="1160088"/>
                    <a:pt x="319207" y="1160088"/>
                  </a:cubicBezTo>
                  <a:cubicBezTo>
                    <a:pt x="325287" y="1160088"/>
                    <a:pt x="328327" y="1164952"/>
                    <a:pt x="328327" y="1174680"/>
                  </a:cubicBezTo>
                  <a:cubicBezTo>
                    <a:pt x="328327" y="1189273"/>
                    <a:pt x="309478" y="1248250"/>
                    <a:pt x="271782" y="1351612"/>
                  </a:cubicBezTo>
                  <a:cubicBezTo>
                    <a:pt x="234085" y="1454974"/>
                    <a:pt x="195780" y="1571104"/>
                    <a:pt x="156867" y="1700003"/>
                  </a:cubicBezTo>
                  <a:cubicBezTo>
                    <a:pt x="195780" y="1700003"/>
                    <a:pt x="234085" y="1692707"/>
                    <a:pt x="271782" y="1678115"/>
                  </a:cubicBezTo>
                  <a:cubicBezTo>
                    <a:pt x="309478" y="1663522"/>
                    <a:pt x="366632" y="1631298"/>
                    <a:pt x="443242" y="1581441"/>
                  </a:cubicBezTo>
                  <a:cubicBezTo>
                    <a:pt x="519851" y="1531584"/>
                    <a:pt x="563020" y="1501183"/>
                    <a:pt x="572748" y="1490239"/>
                  </a:cubicBezTo>
                  <a:cubicBezTo>
                    <a:pt x="582476" y="1479295"/>
                    <a:pt x="587340" y="1471998"/>
                    <a:pt x="587340" y="1468350"/>
                  </a:cubicBezTo>
                  <a:cubicBezTo>
                    <a:pt x="587340" y="1464702"/>
                    <a:pt x="584908" y="1461662"/>
                    <a:pt x="580044" y="1459230"/>
                  </a:cubicBezTo>
                  <a:cubicBezTo>
                    <a:pt x="492491" y="1432478"/>
                    <a:pt x="435337" y="1406941"/>
                    <a:pt x="408585" y="1382621"/>
                  </a:cubicBezTo>
                  <a:cubicBezTo>
                    <a:pt x="381832" y="1358300"/>
                    <a:pt x="368456" y="1315739"/>
                    <a:pt x="368456" y="1254938"/>
                  </a:cubicBezTo>
                  <a:cubicBezTo>
                    <a:pt x="368456" y="1194137"/>
                    <a:pt x="377576" y="1155832"/>
                    <a:pt x="395817" y="1140024"/>
                  </a:cubicBezTo>
                  <a:cubicBezTo>
                    <a:pt x="414057" y="1124215"/>
                    <a:pt x="445066" y="1111447"/>
                    <a:pt x="488842" y="1101719"/>
                  </a:cubicBezTo>
                  <a:cubicBezTo>
                    <a:pt x="532619" y="1091991"/>
                    <a:pt x="573964" y="1077398"/>
                    <a:pt x="612877" y="1057942"/>
                  </a:cubicBezTo>
                  <a:cubicBezTo>
                    <a:pt x="651790" y="1038486"/>
                    <a:pt x="671246" y="1024501"/>
                    <a:pt x="671246" y="1015989"/>
                  </a:cubicBezTo>
                  <a:cubicBezTo>
                    <a:pt x="671246" y="1007477"/>
                    <a:pt x="668206" y="1000789"/>
                    <a:pt x="662126" y="995925"/>
                  </a:cubicBezTo>
                  <a:cubicBezTo>
                    <a:pt x="656046" y="991061"/>
                    <a:pt x="628685" y="985588"/>
                    <a:pt x="580044" y="979508"/>
                  </a:cubicBezTo>
                  <a:cubicBezTo>
                    <a:pt x="531403" y="973428"/>
                    <a:pt x="492491" y="970388"/>
                    <a:pt x="463306" y="970388"/>
                  </a:cubicBezTo>
                  <a:cubicBezTo>
                    <a:pt x="434121" y="970388"/>
                    <a:pt x="414057" y="972820"/>
                    <a:pt x="403113" y="977684"/>
                  </a:cubicBezTo>
                  <a:cubicBezTo>
                    <a:pt x="392168" y="982548"/>
                    <a:pt x="381832" y="984980"/>
                    <a:pt x="372104" y="984980"/>
                  </a:cubicBezTo>
                  <a:cubicBezTo>
                    <a:pt x="345351" y="984980"/>
                    <a:pt x="331975" y="965524"/>
                    <a:pt x="331975" y="926611"/>
                  </a:cubicBezTo>
                  <a:cubicBezTo>
                    <a:pt x="331975" y="822033"/>
                    <a:pt x="378184" y="757584"/>
                    <a:pt x="470602" y="733263"/>
                  </a:cubicBezTo>
                  <a:cubicBezTo>
                    <a:pt x="536267" y="716239"/>
                    <a:pt x="633550" y="673678"/>
                    <a:pt x="762448" y="605581"/>
                  </a:cubicBezTo>
                  <a:cubicBezTo>
                    <a:pt x="762448" y="552075"/>
                    <a:pt x="755152" y="503435"/>
                    <a:pt x="740559" y="459658"/>
                  </a:cubicBezTo>
                  <a:cubicBezTo>
                    <a:pt x="711375" y="374536"/>
                    <a:pt x="696783" y="296102"/>
                    <a:pt x="696783" y="224357"/>
                  </a:cubicBezTo>
                  <a:cubicBezTo>
                    <a:pt x="696783" y="152611"/>
                    <a:pt x="705903" y="97282"/>
                    <a:pt x="724143" y="58369"/>
                  </a:cubicBezTo>
                  <a:cubicBezTo>
                    <a:pt x="742384" y="19456"/>
                    <a:pt x="770960" y="0"/>
                    <a:pt x="809873" y="0"/>
                  </a:cubicBezTo>
                  <a:close/>
                  <a:moveTo>
                    <a:pt x="773392" y="229829"/>
                  </a:moveTo>
                  <a:cubicBezTo>
                    <a:pt x="753936" y="297926"/>
                    <a:pt x="749072" y="366024"/>
                    <a:pt x="758800" y="434121"/>
                  </a:cubicBezTo>
                  <a:cubicBezTo>
                    <a:pt x="783120" y="421961"/>
                    <a:pt x="795281" y="384872"/>
                    <a:pt x="795281" y="322855"/>
                  </a:cubicBezTo>
                  <a:cubicBezTo>
                    <a:pt x="795281" y="260838"/>
                    <a:pt x="787984" y="229829"/>
                    <a:pt x="773392" y="229829"/>
                  </a:cubicBezTo>
                  <a:close/>
                  <a:moveTo>
                    <a:pt x="1112663" y="1276826"/>
                  </a:moveTo>
                  <a:cubicBezTo>
                    <a:pt x="1088342" y="1284123"/>
                    <a:pt x="1056726" y="1327900"/>
                    <a:pt x="1017813" y="1408157"/>
                  </a:cubicBezTo>
                  <a:cubicBezTo>
                    <a:pt x="1032405" y="1410589"/>
                    <a:pt x="1051862" y="1411805"/>
                    <a:pt x="1076182" y="1411805"/>
                  </a:cubicBezTo>
                  <a:cubicBezTo>
                    <a:pt x="1100503" y="1411805"/>
                    <a:pt x="1136984" y="1404509"/>
                    <a:pt x="1185625" y="1389917"/>
                  </a:cubicBezTo>
                  <a:cubicBezTo>
                    <a:pt x="1171032" y="1331548"/>
                    <a:pt x="1146712" y="1293851"/>
                    <a:pt x="1112663" y="1276826"/>
                  </a:cubicBezTo>
                  <a:close/>
                  <a:moveTo>
                    <a:pt x="321031" y="2269103"/>
                  </a:moveTo>
                  <a:cubicBezTo>
                    <a:pt x="294278" y="2269103"/>
                    <a:pt x="263270" y="2298287"/>
                    <a:pt x="228005" y="2356657"/>
                  </a:cubicBezTo>
                  <a:cubicBezTo>
                    <a:pt x="192740" y="2415026"/>
                    <a:pt x="175108" y="2460019"/>
                    <a:pt x="175108" y="2491635"/>
                  </a:cubicBezTo>
                  <a:cubicBezTo>
                    <a:pt x="175108" y="2547573"/>
                    <a:pt x="190916" y="2575541"/>
                    <a:pt x="222533" y="2575541"/>
                  </a:cubicBezTo>
                  <a:cubicBezTo>
                    <a:pt x="237125" y="2575541"/>
                    <a:pt x="255365" y="2558517"/>
                    <a:pt x="277254" y="2524468"/>
                  </a:cubicBezTo>
                  <a:cubicBezTo>
                    <a:pt x="299142" y="2490419"/>
                    <a:pt x="330759" y="2417458"/>
                    <a:pt x="372104" y="2305584"/>
                  </a:cubicBezTo>
                  <a:cubicBezTo>
                    <a:pt x="364808" y="2281263"/>
                    <a:pt x="347783" y="2269103"/>
                    <a:pt x="321031" y="226910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43" name="任意多边形 42"/>
            <p:cNvSpPr/>
            <p:nvPr/>
          </p:nvSpPr>
          <p:spPr>
            <a:xfrm>
              <a:off x="-1855351" y="1514052"/>
              <a:ext cx="1798501" cy="2695927"/>
            </a:xfrm>
            <a:custGeom>
              <a:avLst/>
              <a:gdLst/>
              <a:ahLst/>
              <a:cxnLst/>
              <a:rect l="l" t="t" r="r" b="b"/>
              <a:pathLst>
                <a:path w="1798501" h="2695927">
                  <a:moveTo>
                    <a:pt x="1311483" y="0"/>
                  </a:moveTo>
                  <a:cubicBezTo>
                    <a:pt x="1368636" y="0"/>
                    <a:pt x="1431869" y="28576"/>
                    <a:pt x="1501183" y="85730"/>
                  </a:cubicBezTo>
                  <a:cubicBezTo>
                    <a:pt x="1570496" y="142883"/>
                    <a:pt x="1605153" y="215236"/>
                    <a:pt x="1605153" y="302790"/>
                  </a:cubicBezTo>
                  <a:cubicBezTo>
                    <a:pt x="1605153" y="373319"/>
                    <a:pt x="1582048" y="416489"/>
                    <a:pt x="1535840" y="432297"/>
                  </a:cubicBezTo>
                  <a:cubicBezTo>
                    <a:pt x="1489630" y="448105"/>
                    <a:pt x="1454366" y="468777"/>
                    <a:pt x="1430045" y="494314"/>
                  </a:cubicBezTo>
                  <a:cubicBezTo>
                    <a:pt x="1405725" y="519851"/>
                    <a:pt x="1377756" y="561803"/>
                    <a:pt x="1346140" y="620173"/>
                  </a:cubicBezTo>
                  <a:cubicBezTo>
                    <a:pt x="1363164" y="625037"/>
                    <a:pt x="1390525" y="621997"/>
                    <a:pt x="1428221" y="611053"/>
                  </a:cubicBezTo>
                  <a:cubicBezTo>
                    <a:pt x="1465918" y="600108"/>
                    <a:pt x="1499359" y="585516"/>
                    <a:pt x="1528543" y="567276"/>
                  </a:cubicBezTo>
                  <a:cubicBezTo>
                    <a:pt x="1557728" y="549035"/>
                    <a:pt x="1593601" y="539915"/>
                    <a:pt x="1636161" y="539915"/>
                  </a:cubicBezTo>
                  <a:cubicBezTo>
                    <a:pt x="1678723" y="539915"/>
                    <a:pt x="1716419" y="555115"/>
                    <a:pt x="1749252" y="585516"/>
                  </a:cubicBezTo>
                  <a:cubicBezTo>
                    <a:pt x="1782085" y="615917"/>
                    <a:pt x="1798501" y="654829"/>
                    <a:pt x="1798501" y="702254"/>
                  </a:cubicBezTo>
                  <a:cubicBezTo>
                    <a:pt x="1798501" y="749679"/>
                    <a:pt x="1774180" y="789200"/>
                    <a:pt x="1725539" y="820817"/>
                  </a:cubicBezTo>
                  <a:cubicBezTo>
                    <a:pt x="1703651" y="925395"/>
                    <a:pt x="1682979" y="977684"/>
                    <a:pt x="1663522" y="977684"/>
                  </a:cubicBezTo>
                  <a:cubicBezTo>
                    <a:pt x="1658658" y="977684"/>
                    <a:pt x="1656226" y="974036"/>
                    <a:pt x="1656226" y="966740"/>
                  </a:cubicBezTo>
                  <a:cubicBezTo>
                    <a:pt x="1656226" y="959444"/>
                    <a:pt x="1660482" y="947283"/>
                    <a:pt x="1668994" y="930259"/>
                  </a:cubicBezTo>
                  <a:cubicBezTo>
                    <a:pt x="1677506" y="913235"/>
                    <a:pt x="1679330" y="886482"/>
                    <a:pt x="1674466" y="850001"/>
                  </a:cubicBezTo>
                  <a:cubicBezTo>
                    <a:pt x="1623393" y="869458"/>
                    <a:pt x="1565024" y="920531"/>
                    <a:pt x="1499359" y="1003221"/>
                  </a:cubicBezTo>
                  <a:cubicBezTo>
                    <a:pt x="1550432" y="1034837"/>
                    <a:pt x="1588129" y="1060374"/>
                    <a:pt x="1612449" y="1079830"/>
                  </a:cubicBezTo>
                  <a:cubicBezTo>
                    <a:pt x="1627041" y="1055510"/>
                    <a:pt x="1636770" y="1043349"/>
                    <a:pt x="1641634" y="1043349"/>
                  </a:cubicBezTo>
                  <a:cubicBezTo>
                    <a:pt x="1646498" y="1043349"/>
                    <a:pt x="1648930" y="1048214"/>
                    <a:pt x="1648930" y="1057942"/>
                  </a:cubicBezTo>
                  <a:cubicBezTo>
                    <a:pt x="1648930" y="1067670"/>
                    <a:pt x="1646498" y="1082262"/>
                    <a:pt x="1641634" y="1101719"/>
                  </a:cubicBezTo>
                  <a:cubicBezTo>
                    <a:pt x="1648930" y="1150360"/>
                    <a:pt x="1636770" y="1196569"/>
                    <a:pt x="1605153" y="1240345"/>
                  </a:cubicBezTo>
                  <a:cubicBezTo>
                    <a:pt x="1595425" y="1252506"/>
                    <a:pt x="1583264" y="1286554"/>
                    <a:pt x="1568672" y="1342492"/>
                  </a:cubicBezTo>
                  <a:cubicBezTo>
                    <a:pt x="1554080" y="1398429"/>
                    <a:pt x="1544352" y="1450718"/>
                    <a:pt x="1539487" y="1499359"/>
                  </a:cubicBezTo>
                  <a:cubicBezTo>
                    <a:pt x="1549216" y="1516383"/>
                    <a:pt x="1554080" y="1543136"/>
                    <a:pt x="1554080" y="1579616"/>
                  </a:cubicBezTo>
                  <a:cubicBezTo>
                    <a:pt x="1554080" y="1616097"/>
                    <a:pt x="1530367" y="1692707"/>
                    <a:pt x="1482942" y="1809445"/>
                  </a:cubicBezTo>
                  <a:cubicBezTo>
                    <a:pt x="1435517" y="1926183"/>
                    <a:pt x="1389917" y="2063594"/>
                    <a:pt x="1346140" y="2221678"/>
                  </a:cubicBezTo>
                  <a:cubicBezTo>
                    <a:pt x="1302363" y="2379761"/>
                    <a:pt x="1273178" y="2509875"/>
                    <a:pt x="1258586" y="2612022"/>
                  </a:cubicBezTo>
                  <a:cubicBezTo>
                    <a:pt x="1251290" y="2667959"/>
                    <a:pt x="1228185" y="2695927"/>
                    <a:pt x="1189272" y="2695927"/>
                  </a:cubicBezTo>
                  <a:cubicBezTo>
                    <a:pt x="1150360" y="2695927"/>
                    <a:pt x="1098071" y="2655799"/>
                    <a:pt x="1032405" y="2575541"/>
                  </a:cubicBezTo>
                  <a:cubicBezTo>
                    <a:pt x="966740" y="2495283"/>
                    <a:pt x="933907" y="2436914"/>
                    <a:pt x="933907" y="2400433"/>
                  </a:cubicBezTo>
                  <a:cubicBezTo>
                    <a:pt x="933907" y="2363952"/>
                    <a:pt x="941811" y="2328688"/>
                    <a:pt x="957620" y="2294639"/>
                  </a:cubicBezTo>
                  <a:cubicBezTo>
                    <a:pt x="973428" y="2260590"/>
                    <a:pt x="986804" y="2207693"/>
                    <a:pt x="997748" y="2135948"/>
                  </a:cubicBezTo>
                  <a:cubicBezTo>
                    <a:pt x="1008693" y="2064202"/>
                    <a:pt x="1011733" y="1993065"/>
                    <a:pt x="1006869" y="1922535"/>
                  </a:cubicBezTo>
                  <a:cubicBezTo>
                    <a:pt x="909587" y="1988201"/>
                    <a:pt x="840273" y="2036842"/>
                    <a:pt x="798928" y="2068459"/>
                  </a:cubicBezTo>
                  <a:cubicBezTo>
                    <a:pt x="757583" y="2100075"/>
                    <a:pt x="722319" y="2115884"/>
                    <a:pt x="693134" y="2115884"/>
                  </a:cubicBezTo>
                  <a:cubicBezTo>
                    <a:pt x="627469" y="2115884"/>
                    <a:pt x="594636" y="2056298"/>
                    <a:pt x="594636" y="1937128"/>
                  </a:cubicBezTo>
                  <a:cubicBezTo>
                    <a:pt x="594636" y="1893351"/>
                    <a:pt x="606188" y="1855654"/>
                    <a:pt x="629293" y="1824037"/>
                  </a:cubicBezTo>
                  <a:cubicBezTo>
                    <a:pt x="652397" y="1792421"/>
                    <a:pt x="677934" y="1774180"/>
                    <a:pt x="705902" y="1769316"/>
                  </a:cubicBezTo>
                  <a:cubicBezTo>
                    <a:pt x="733871" y="1764452"/>
                    <a:pt x="764272" y="1749252"/>
                    <a:pt x="797104" y="1723715"/>
                  </a:cubicBezTo>
                  <a:cubicBezTo>
                    <a:pt x="829937" y="1698179"/>
                    <a:pt x="878578" y="1651970"/>
                    <a:pt x="943027" y="1585088"/>
                  </a:cubicBezTo>
                  <a:cubicBezTo>
                    <a:pt x="1007477" y="1518207"/>
                    <a:pt x="1043957" y="1478078"/>
                    <a:pt x="1052470" y="1464702"/>
                  </a:cubicBezTo>
                  <a:cubicBezTo>
                    <a:pt x="1060982" y="1451326"/>
                    <a:pt x="1065238" y="1440382"/>
                    <a:pt x="1065238" y="1431869"/>
                  </a:cubicBezTo>
                  <a:cubicBezTo>
                    <a:pt x="1065238" y="1423357"/>
                    <a:pt x="1060374" y="1419101"/>
                    <a:pt x="1050645" y="1419101"/>
                  </a:cubicBezTo>
                  <a:cubicBezTo>
                    <a:pt x="1040917" y="1419101"/>
                    <a:pt x="1022069" y="1428829"/>
                    <a:pt x="994100" y="1448286"/>
                  </a:cubicBezTo>
                  <a:cubicBezTo>
                    <a:pt x="966132" y="1467742"/>
                    <a:pt x="943635" y="1480510"/>
                    <a:pt x="926611" y="1486590"/>
                  </a:cubicBezTo>
                  <a:cubicBezTo>
                    <a:pt x="909587" y="1492671"/>
                    <a:pt x="888306" y="1495711"/>
                    <a:pt x="862770" y="1495711"/>
                  </a:cubicBezTo>
                  <a:cubicBezTo>
                    <a:pt x="837233" y="1495711"/>
                    <a:pt x="817169" y="1483550"/>
                    <a:pt x="802576" y="1459230"/>
                  </a:cubicBezTo>
                  <a:cubicBezTo>
                    <a:pt x="787984" y="1434909"/>
                    <a:pt x="774608" y="1382620"/>
                    <a:pt x="762448" y="1302363"/>
                  </a:cubicBezTo>
                  <a:cubicBezTo>
                    <a:pt x="631117" y="1416669"/>
                    <a:pt x="490058" y="1554080"/>
                    <a:pt x="339271" y="1714595"/>
                  </a:cubicBezTo>
                  <a:cubicBezTo>
                    <a:pt x="271173" y="1789989"/>
                    <a:pt x="199428" y="1827685"/>
                    <a:pt x="124034" y="1827685"/>
                  </a:cubicBezTo>
                  <a:cubicBezTo>
                    <a:pt x="89986" y="1827685"/>
                    <a:pt x="60801" y="1821605"/>
                    <a:pt x="36481" y="1809445"/>
                  </a:cubicBezTo>
                  <a:cubicBezTo>
                    <a:pt x="12160" y="1797285"/>
                    <a:pt x="0" y="1782084"/>
                    <a:pt x="0" y="1763844"/>
                  </a:cubicBezTo>
                  <a:cubicBezTo>
                    <a:pt x="0" y="1745604"/>
                    <a:pt x="7296" y="1729795"/>
                    <a:pt x="21888" y="1716419"/>
                  </a:cubicBezTo>
                  <a:cubicBezTo>
                    <a:pt x="36481" y="1703043"/>
                    <a:pt x="57761" y="1693315"/>
                    <a:pt x="85730" y="1687235"/>
                  </a:cubicBezTo>
                  <a:cubicBezTo>
                    <a:pt x="113698" y="1681154"/>
                    <a:pt x="161123" y="1645282"/>
                    <a:pt x="228005" y="1579616"/>
                  </a:cubicBezTo>
                  <a:cubicBezTo>
                    <a:pt x="294886" y="1513951"/>
                    <a:pt x="369671" y="1425181"/>
                    <a:pt x="452361" y="1313307"/>
                  </a:cubicBezTo>
                  <a:lnTo>
                    <a:pt x="1065238" y="466953"/>
                  </a:lnTo>
                  <a:cubicBezTo>
                    <a:pt x="1181976" y="308870"/>
                    <a:pt x="1244602" y="223748"/>
                    <a:pt x="1253114" y="211588"/>
                  </a:cubicBezTo>
                  <a:cubicBezTo>
                    <a:pt x="1261626" y="199428"/>
                    <a:pt x="1265882" y="183620"/>
                    <a:pt x="1265882" y="164163"/>
                  </a:cubicBezTo>
                  <a:cubicBezTo>
                    <a:pt x="1265882" y="144707"/>
                    <a:pt x="1259194" y="124034"/>
                    <a:pt x="1245818" y="102146"/>
                  </a:cubicBezTo>
                  <a:cubicBezTo>
                    <a:pt x="1232441" y="80258"/>
                    <a:pt x="1225753" y="64449"/>
                    <a:pt x="1225753" y="54721"/>
                  </a:cubicBezTo>
                  <a:cubicBezTo>
                    <a:pt x="1225753" y="18240"/>
                    <a:pt x="1254330" y="0"/>
                    <a:pt x="1311483" y="0"/>
                  </a:cubicBezTo>
                  <a:close/>
                  <a:moveTo>
                    <a:pt x="1207513" y="766096"/>
                  </a:moveTo>
                  <a:cubicBezTo>
                    <a:pt x="1027541" y="972820"/>
                    <a:pt x="931475" y="1085910"/>
                    <a:pt x="919315" y="1105367"/>
                  </a:cubicBezTo>
                  <a:cubicBezTo>
                    <a:pt x="919315" y="1122391"/>
                    <a:pt x="925395" y="1130903"/>
                    <a:pt x="937555" y="1130903"/>
                  </a:cubicBezTo>
                  <a:cubicBezTo>
                    <a:pt x="949716" y="1130903"/>
                    <a:pt x="966740" y="1121175"/>
                    <a:pt x="988628" y="1101719"/>
                  </a:cubicBezTo>
                  <a:cubicBezTo>
                    <a:pt x="1010517" y="1082262"/>
                    <a:pt x="1068278" y="1039093"/>
                    <a:pt x="1161912" y="972212"/>
                  </a:cubicBezTo>
                  <a:cubicBezTo>
                    <a:pt x="1255546" y="905331"/>
                    <a:pt x="1305403" y="869458"/>
                    <a:pt x="1311483" y="864594"/>
                  </a:cubicBezTo>
                  <a:cubicBezTo>
                    <a:pt x="1317563" y="859730"/>
                    <a:pt x="1320603" y="852434"/>
                    <a:pt x="1320603" y="842705"/>
                  </a:cubicBezTo>
                  <a:cubicBezTo>
                    <a:pt x="1320603" y="811089"/>
                    <a:pt x="1282906" y="785552"/>
                    <a:pt x="1207513" y="766096"/>
                  </a:cubicBezTo>
                  <a:close/>
                  <a:moveTo>
                    <a:pt x="1528543" y="1295067"/>
                  </a:moveTo>
                  <a:cubicBezTo>
                    <a:pt x="1445854" y="1346140"/>
                    <a:pt x="1404509" y="1392348"/>
                    <a:pt x="1404509" y="1433693"/>
                  </a:cubicBezTo>
                  <a:cubicBezTo>
                    <a:pt x="1404509" y="1460446"/>
                    <a:pt x="1432477" y="1478686"/>
                    <a:pt x="1488415" y="1488415"/>
                  </a:cubicBezTo>
                  <a:cubicBezTo>
                    <a:pt x="1520031" y="1400861"/>
                    <a:pt x="1535840" y="1347964"/>
                    <a:pt x="1535840" y="1329723"/>
                  </a:cubicBezTo>
                  <a:cubicBezTo>
                    <a:pt x="1535840" y="1311483"/>
                    <a:pt x="1533407" y="1299931"/>
                    <a:pt x="1528543" y="1295067"/>
                  </a:cubicBezTo>
                  <a:close/>
                  <a:moveTo>
                    <a:pt x="1362556" y="1718243"/>
                  </a:moveTo>
                  <a:cubicBezTo>
                    <a:pt x="1349180" y="1718243"/>
                    <a:pt x="1325467" y="1729187"/>
                    <a:pt x="1291419" y="1751076"/>
                  </a:cubicBezTo>
                  <a:cubicBezTo>
                    <a:pt x="1208729" y="1967528"/>
                    <a:pt x="1167384" y="2124396"/>
                    <a:pt x="1167384" y="2221678"/>
                  </a:cubicBezTo>
                  <a:cubicBezTo>
                    <a:pt x="1167384" y="2233838"/>
                    <a:pt x="1172248" y="2239918"/>
                    <a:pt x="1181976" y="2239918"/>
                  </a:cubicBezTo>
                  <a:cubicBezTo>
                    <a:pt x="1191704" y="2239918"/>
                    <a:pt x="1201433" y="2230190"/>
                    <a:pt x="1211161" y="2210733"/>
                  </a:cubicBezTo>
                  <a:lnTo>
                    <a:pt x="1273178" y="2061162"/>
                  </a:lnTo>
                  <a:cubicBezTo>
                    <a:pt x="1307227" y="1978472"/>
                    <a:pt x="1344924" y="1867814"/>
                    <a:pt x="1386268" y="1729187"/>
                  </a:cubicBezTo>
                  <a:cubicBezTo>
                    <a:pt x="1383836" y="1721891"/>
                    <a:pt x="1375932" y="1718243"/>
                    <a:pt x="1362556" y="171824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</p:grpSp>
      <p:grpSp>
        <p:nvGrpSpPr>
          <p:cNvPr id="15363" name="组合 7"/>
          <p:cNvGrpSpPr>
            <a:grpSpLocks/>
          </p:cNvGrpSpPr>
          <p:nvPr/>
        </p:nvGrpSpPr>
        <p:grpSpPr bwMode="auto">
          <a:xfrm>
            <a:off x="1033463" y="1740177"/>
            <a:ext cx="747650" cy="1263650"/>
            <a:chOff x="1033742" y="2141965"/>
            <a:chExt cx="728087" cy="1265334"/>
          </a:xfrm>
        </p:grpSpPr>
        <p:sp>
          <p:nvSpPr>
            <p:cNvPr id="7" name="矩形 6"/>
            <p:cNvSpPr/>
            <p:nvPr/>
          </p:nvSpPr>
          <p:spPr>
            <a:xfrm>
              <a:off x="1033742" y="2141965"/>
              <a:ext cx="657033" cy="126533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96" name="文本框 34"/>
            <p:cNvSpPr txBox="1">
              <a:spLocks noChangeArrowheads="1"/>
            </p:cNvSpPr>
            <p:nvPr/>
          </p:nvSpPr>
          <p:spPr bwMode="auto">
            <a:xfrm>
              <a:off x="1061473" y="2387142"/>
              <a:ext cx="700356" cy="6463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zh-CN" altLang="en-US" dirty="0">
                  <a:solidFill>
                    <a:schemeClr val="bg1"/>
                  </a:solidFill>
                  <a:latin typeface="Microsoft YaHei UI"/>
                  <a:ea typeface="微软雅黑" pitchFamily="34" charset="-122"/>
                </a:rPr>
                <a:t>新生报到</a:t>
              </a:r>
            </a:p>
          </p:txBody>
        </p:sp>
      </p:grpSp>
      <p:grpSp>
        <p:nvGrpSpPr>
          <p:cNvPr id="15364" name="组合 8"/>
          <p:cNvGrpSpPr>
            <a:grpSpLocks/>
          </p:cNvGrpSpPr>
          <p:nvPr/>
        </p:nvGrpSpPr>
        <p:grpSpPr bwMode="auto">
          <a:xfrm>
            <a:off x="1717675" y="1740177"/>
            <a:ext cx="1169194" cy="1263650"/>
            <a:chOff x="1717951" y="2143395"/>
            <a:chExt cx="1158655" cy="1263904"/>
          </a:xfrm>
        </p:grpSpPr>
        <p:sp>
          <p:nvSpPr>
            <p:cNvPr id="18" name="矩形 17"/>
            <p:cNvSpPr/>
            <p:nvPr/>
          </p:nvSpPr>
          <p:spPr>
            <a:xfrm>
              <a:off x="1717951" y="2143395"/>
              <a:ext cx="1158655" cy="126390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94" name="文本框 35"/>
            <p:cNvSpPr txBox="1">
              <a:spLocks noChangeArrowheads="1"/>
            </p:cNvSpPr>
            <p:nvPr/>
          </p:nvSpPr>
          <p:spPr bwMode="auto">
            <a:xfrm>
              <a:off x="1780817" y="2427284"/>
              <a:ext cx="886650" cy="64646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/>
              <a:r>
                <a:rPr lang="zh-CN" altLang="en-US" dirty="0">
                  <a:solidFill>
                    <a:schemeClr val="bg1"/>
                  </a:solidFill>
                  <a:latin typeface="Microsoft YaHei UI"/>
                  <a:ea typeface="微软雅黑" pitchFamily="34" charset="-122"/>
                </a:rPr>
                <a:t>新生入学教育</a:t>
              </a:r>
            </a:p>
          </p:txBody>
        </p:sp>
      </p:grpSp>
      <p:grpSp>
        <p:nvGrpSpPr>
          <p:cNvPr id="15365" name="组合 13"/>
          <p:cNvGrpSpPr>
            <a:grpSpLocks/>
          </p:cNvGrpSpPr>
          <p:nvPr/>
        </p:nvGrpSpPr>
        <p:grpSpPr bwMode="auto">
          <a:xfrm>
            <a:off x="2876550" y="1740177"/>
            <a:ext cx="5450852" cy="1263650"/>
            <a:chOff x="2887015" y="2141965"/>
            <a:chExt cx="5429898" cy="1265334"/>
          </a:xfrm>
        </p:grpSpPr>
        <p:sp>
          <p:nvSpPr>
            <p:cNvPr id="21" name="矩形 20"/>
            <p:cNvSpPr/>
            <p:nvPr/>
          </p:nvSpPr>
          <p:spPr>
            <a:xfrm>
              <a:off x="2887015" y="2141965"/>
              <a:ext cx="5429898" cy="126533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92" name="文本框 36"/>
            <p:cNvSpPr txBox="1">
              <a:spLocks noChangeArrowheads="1"/>
            </p:cNvSpPr>
            <p:nvPr/>
          </p:nvSpPr>
          <p:spPr bwMode="auto">
            <a:xfrm>
              <a:off x="4726134" y="2557691"/>
              <a:ext cx="1751659" cy="6471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/>
              <a:r>
                <a:rPr lang="zh-CN" altLang="en-US" dirty="0">
                  <a:solidFill>
                    <a:schemeClr val="bg1"/>
                  </a:solidFill>
                  <a:latin typeface="Microsoft YaHei UI"/>
                  <a:ea typeface="微软雅黑" pitchFamily="34" charset="-122"/>
                </a:rPr>
                <a:t>全体学生军训（非国防生）</a:t>
              </a:r>
            </a:p>
          </p:txBody>
        </p:sp>
      </p:grpSp>
      <p:sp>
        <p:nvSpPr>
          <p:cNvPr id="6" name="矩形 5"/>
          <p:cNvSpPr/>
          <p:nvPr/>
        </p:nvSpPr>
        <p:spPr>
          <a:xfrm>
            <a:off x="1033463" y="2995890"/>
            <a:ext cx="7270085" cy="852486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15367" name="组合 1"/>
          <p:cNvGrpSpPr>
            <a:grpSpLocks/>
          </p:cNvGrpSpPr>
          <p:nvPr/>
        </p:nvGrpSpPr>
        <p:grpSpPr bwMode="auto">
          <a:xfrm>
            <a:off x="709613" y="1157565"/>
            <a:ext cx="725487" cy="565150"/>
            <a:chOff x="710020" y="1559967"/>
            <a:chExt cx="725665" cy="565496"/>
          </a:xfrm>
        </p:grpSpPr>
        <p:sp>
          <p:nvSpPr>
            <p:cNvPr id="10" name="等腰三角形 9"/>
            <p:cNvSpPr/>
            <p:nvPr>
              <p:custDataLst>
                <p:tags r:id="rId8"/>
              </p:custDataLst>
            </p:nvPr>
          </p:nvSpPr>
          <p:spPr>
            <a:xfrm rot="10800000">
              <a:off x="946615" y="1871307"/>
              <a:ext cx="228656" cy="254156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90" name="文本框 10"/>
            <p:cNvSpPr txBox="1">
              <a:spLocks noChangeArrowheads="1"/>
            </p:cNvSpPr>
            <p:nvPr/>
          </p:nvSpPr>
          <p:spPr bwMode="auto">
            <a:xfrm>
              <a:off x="710020" y="1559967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5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grpSp>
        <p:nvGrpSpPr>
          <p:cNvPr id="15368" name="组合 2"/>
          <p:cNvGrpSpPr>
            <a:grpSpLocks/>
          </p:cNvGrpSpPr>
          <p:nvPr/>
        </p:nvGrpSpPr>
        <p:grpSpPr bwMode="auto">
          <a:xfrm>
            <a:off x="1435100" y="1157565"/>
            <a:ext cx="725488" cy="565150"/>
            <a:chOff x="1435685" y="1559967"/>
            <a:chExt cx="725665" cy="565496"/>
          </a:xfrm>
        </p:grpSpPr>
        <p:sp>
          <p:nvSpPr>
            <p:cNvPr id="12" name="等腰三角形 11"/>
            <p:cNvSpPr/>
            <p:nvPr>
              <p:custDataLst>
                <p:tags r:id="rId7"/>
              </p:custDataLst>
            </p:nvPr>
          </p:nvSpPr>
          <p:spPr>
            <a:xfrm rot="10800000">
              <a:off x="1594474" y="1871307"/>
              <a:ext cx="228656" cy="254156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88" name="文本框 12"/>
            <p:cNvSpPr txBox="1">
              <a:spLocks noChangeArrowheads="1"/>
            </p:cNvSpPr>
            <p:nvPr/>
          </p:nvSpPr>
          <p:spPr bwMode="auto">
            <a:xfrm>
              <a:off x="1435685" y="1559967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7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cxnSp>
        <p:nvCxnSpPr>
          <p:cNvPr id="15" name="直接连接符 14"/>
          <p:cNvCxnSpPr/>
          <p:nvPr/>
        </p:nvCxnSpPr>
        <p:spPr>
          <a:xfrm>
            <a:off x="1708150" y="1683027"/>
            <a:ext cx="0" cy="1247775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370" name="组合 3"/>
          <p:cNvGrpSpPr>
            <a:grpSpLocks/>
          </p:cNvGrpSpPr>
          <p:nvPr/>
        </p:nvGrpSpPr>
        <p:grpSpPr bwMode="auto">
          <a:xfrm>
            <a:off x="2524125" y="1157565"/>
            <a:ext cx="725488" cy="565150"/>
            <a:chOff x="2524182" y="1559967"/>
            <a:chExt cx="725665" cy="565496"/>
          </a:xfrm>
        </p:grpSpPr>
        <p:sp>
          <p:nvSpPr>
            <p:cNvPr id="16" name="等腰三角形 15"/>
            <p:cNvSpPr/>
            <p:nvPr>
              <p:custDataLst>
                <p:tags r:id="rId6"/>
              </p:custDataLst>
            </p:nvPr>
          </p:nvSpPr>
          <p:spPr>
            <a:xfrm rot="10800000">
              <a:off x="2763953" y="1871307"/>
              <a:ext cx="228656" cy="254156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86" name="文本框 16"/>
            <p:cNvSpPr txBox="1">
              <a:spLocks noChangeArrowheads="1"/>
            </p:cNvSpPr>
            <p:nvPr/>
          </p:nvSpPr>
          <p:spPr bwMode="auto">
            <a:xfrm>
              <a:off x="2524182" y="1559967"/>
              <a:ext cx="725665" cy="36955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10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cxnSp>
        <p:nvCxnSpPr>
          <p:cNvPr id="19" name="直接连接符 18"/>
          <p:cNvCxnSpPr/>
          <p:nvPr/>
        </p:nvCxnSpPr>
        <p:spPr>
          <a:xfrm>
            <a:off x="2876550" y="1683027"/>
            <a:ext cx="0" cy="4445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矩形 23"/>
          <p:cNvSpPr/>
          <p:nvPr/>
        </p:nvSpPr>
        <p:spPr>
          <a:xfrm>
            <a:off x="1030664" y="2930802"/>
            <a:ext cx="7296738" cy="128588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9" name="矩形 28"/>
          <p:cNvSpPr/>
          <p:nvPr/>
        </p:nvSpPr>
        <p:spPr>
          <a:xfrm>
            <a:off x="1030664" y="3059390"/>
            <a:ext cx="677486" cy="788987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dirty="0"/>
              <a:t>上课</a:t>
            </a:r>
          </a:p>
        </p:txBody>
      </p:sp>
      <p:sp>
        <p:nvSpPr>
          <p:cNvPr id="30" name="矩形 29"/>
          <p:cNvSpPr/>
          <p:nvPr/>
        </p:nvSpPr>
        <p:spPr>
          <a:xfrm>
            <a:off x="1698758" y="3059390"/>
            <a:ext cx="825367" cy="788987"/>
          </a:xfrm>
          <a:prstGeom prst="rect">
            <a:avLst/>
          </a:prstGeom>
          <a:solidFill>
            <a:srgbClr val="7030A0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dirty="0"/>
              <a:t>中秋</a:t>
            </a:r>
          </a:p>
        </p:txBody>
      </p:sp>
      <p:grpSp>
        <p:nvGrpSpPr>
          <p:cNvPr id="15375" name="组合 4"/>
          <p:cNvGrpSpPr>
            <a:grpSpLocks/>
          </p:cNvGrpSpPr>
          <p:nvPr/>
        </p:nvGrpSpPr>
        <p:grpSpPr bwMode="auto">
          <a:xfrm>
            <a:off x="7940805" y="1157565"/>
            <a:ext cx="725487" cy="577850"/>
            <a:chOff x="7684791" y="1559967"/>
            <a:chExt cx="725665" cy="578196"/>
          </a:xfrm>
        </p:grpSpPr>
        <p:sp>
          <p:nvSpPr>
            <p:cNvPr id="20" name="等腰三角形 19"/>
            <p:cNvSpPr/>
            <p:nvPr>
              <p:custDataLst>
                <p:tags r:id="rId5"/>
              </p:custDataLst>
            </p:nvPr>
          </p:nvSpPr>
          <p:spPr>
            <a:xfrm rot="10800000">
              <a:off x="7934089" y="1884011"/>
              <a:ext cx="227069" cy="254152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15384" name="文本框 32"/>
            <p:cNvSpPr txBox="1">
              <a:spLocks noChangeArrowheads="1"/>
            </p:cNvSpPr>
            <p:nvPr/>
          </p:nvSpPr>
          <p:spPr bwMode="auto">
            <a:xfrm>
              <a:off x="7684791" y="1559967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23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sp>
        <p:nvSpPr>
          <p:cNvPr id="15382" name="文本框 33"/>
          <p:cNvSpPr txBox="1">
            <a:spLocks noChangeArrowheads="1"/>
          </p:cNvSpPr>
          <p:nvPr/>
        </p:nvSpPr>
        <p:spPr bwMode="auto">
          <a:xfrm>
            <a:off x="3908425" y="2383113"/>
            <a:ext cx="944563" cy="3695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endParaRPr lang="zh-CN" altLang="en-US" dirty="0">
              <a:latin typeface="Microsoft YaHei UI"/>
              <a:ea typeface="微软雅黑" pitchFamily="34" charset="-122"/>
            </a:endParaRPr>
          </a:p>
        </p:txBody>
      </p:sp>
      <p:sp>
        <p:nvSpPr>
          <p:cNvPr id="38" name="矩形 37"/>
          <p:cNvSpPr/>
          <p:nvPr/>
        </p:nvSpPr>
        <p:spPr>
          <a:xfrm>
            <a:off x="903288" y="409575"/>
            <a:ext cx="2544762" cy="46513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4000" b="1" kern="100" spc="600" dirty="0">
                <a:solidFill>
                  <a:srgbClr val="3D4D25"/>
                </a:solidFill>
                <a:latin typeface="+mj-ea"/>
                <a:ea typeface="+mj-ea"/>
                <a:cs typeface="Times New Roman" panose="02020603050405020304" pitchFamily="18" charset="0"/>
              </a:rPr>
              <a:t>总体安排</a:t>
            </a:r>
            <a:endParaRPr lang="zh-CN" altLang="zh-CN" sz="2400" b="1" kern="100" spc="600" dirty="0">
              <a:solidFill>
                <a:srgbClr val="3D4D25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41" name="矩形 40"/>
          <p:cNvSpPr/>
          <p:nvPr/>
        </p:nvSpPr>
        <p:spPr>
          <a:xfrm>
            <a:off x="0" y="4765119"/>
            <a:ext cx="9144000" cy="2092881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solidFill>
              <a:schemeClr val="accent6"/>
            </a:solidFill>
            <a:prstDash val="dash"/>
          </a:ln>
        </p:spPr>
        <p:txBody>
          <a:bodyPr wrap="square">
            <a:spAutoFit/>
          </a:bodyPr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大学军训从</a:t>
            </a:r>
            <a:r>
              <a:rPr lang="en-US" altLang="zh-CN" sz="2000" dirty="0">
                <a:solidFill>
                  <a:srgbClr val="333333"/>
                </a:solidFill>
                <a:latin typeface="Helvetica Neue"/>
              </a:rPr>
              <a:t>9</a:t>
            </a: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月初持续到</a:t>
            </a:r>
            <a:r>
              <a:rPr lang="en-US" altLang="zh-CN" sz="2000" dirty="0">
                <a:solidFill>
                  <a:srgbClr val="333333"/>
                </a:solidFill>
                <a:latin typeface="Helvetica Neue"/>
              </a:rPr>
              <a:t>9</a:t>
            </a: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月底，大概有</a:t>
            </a:r>
            <a:r>
              <a:rPr lang="en-US" altLang="zh-CN" sz="2000" dirty="0">
                <a:solidFill>
                  <a:srgbClr val="333333"/>
                </a:solidFill>
                <a:latin typeface="Helvetica Neue"/>
              </a:rPr>
              <a:t>14</a:t>
            </a: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天左右，学校将其作为一门必修课程，纳入学分制管理，计</a:t>
            </a:r>
            <a:r>
              <a:rPr lang="en-US" altLang="zh-CN" sz="2000" dirty="0">
                <a:solidFill>
                  <a:srgbClr val="333333"/>
                </a:solidFill>
                <a:latin typeface="Helvetica Neue"/>
              </a:rPr>
              <a:t>3</a:t>
            </a: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学分。军训场地在学校体育场内外。整个军训内容分为前期动作分解训练和后期汇报演出准备。大一新生学习完每个动作之后，教官会把全体同学打乱重新组合为正步方队、军体拳、旗语队、</a:t>
            </a:r>
            <a:r>
              <a:rPr lang="en-US" altLang="zh-CN" sz="2000" dirty="0">
                <a:solidFill>
                  <a:srgbClr val="333333"/>
                </a:solidFill>
                <a:latin typeface="Helvetica Neue"/>
              </a:rPr>
              <a:t>CS</a:t>
            </a:r>
            <a:r>
              <a:rPr lang="zh-CN" altLang="en-US" sz="2000" dirty="0">
                <a:solidFill>
                  <a:srgbClr val="333333"/>
                </a:solidFill>
                <a:latin typeface="Helvetica Neue"/>
              </a:rPr>
              <a:t>野战方队和飞虎队为最后的军训成果展示大会做准备。</a:t>
            </a:r>
            <a:endParaRPr lang="zh-CN" altLang="en-US" sz="2000" dirty="0">
              <a:latin typeface="+mn-ea"/>
              <a:ea typeface="+mn-ea"/>
            </a:endParaRPr>
          </a:p>
        </p:txBody>
      </p:sp>
      <p:sp>
        <p:nvSpPr>
          <p:cNvPr id="15379" name="文本框 43"/>
          <p:cNvSpPr txBox="1">
            <a:spLocks noChangeArrowheads="1"/>
          </p:cNvSpPr>
          <p:nvPr/>
        </p:nvSpPr>
        <p:spPr bwMode="auto">
          <a:xfrm>
            <a:off x="312738" y="2083077"/>
            <a:ext cx="396875" cy="647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zh-CN" altLang="en-US" b="1">
                <a:solidFill>
                  <a:srgbClr val="FF0000"/>
                </a:solidFill>
                <a:latin typeface="Microsoft YaHei UI"/>
                <a:ea typeface="微软雅黑" pitchFamily="34" charset="-122"/>
              </a:rPr>
              <a:t>开始</a:t>
            </a:r>
          </a:p>
        </p:txBody>
      </p:sp>
      <p:sp>
        <p:nvSpPr>
          <p:cNvPr id="15380" name="文本框 44"/>
          <p:cNvSpPr txBox="1">
            <a:spLocks noChangeArrowheads="1"/>
          </p:cNvSpPr>
          <p:nvPr/>
        </p:nvSpPr>
        <p:spPr bwMode="auto">
          <a:xfrm>
            <a:off x="8327402" y="2024227"/>
            <a:ext cx="396875" cy="646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zh-CN" altLang="en-US" b="1" dirty="0">
                <a:solidFill>
                  <a:srgbClr val="FF0000"/>
                </a:solidFill>
                <a:latin typeface="Microsoft YaHei UI"/>
                <a:ea typeface="微软雅黑" pitchFamily="34" charset="-122"/>
              </a:rPr>
              <a:t>结束</a:t>
            </a:r>
          </a:p>
        </p:txBody>
      </p:sp>
      <p:grpSp>
        <p:nvGrpSpPr>
          <p:cNvPr id="44" name="组合 4"/>
          <p:cNvGrpSpPr>
            <a:grpSpLocks/>
          </p:cNvGrpSpPr>
          <p:nvPr/>
        </p:nvGrpSpPr>
        <p:grpSpPr bwMode="auto">
          <a:xfrm>
            <a:off x="1316635" y="3863532"/>
            <a:ext cx="725487" cy="646357"/>
            <a:chOff x="7662936" y="1374144"/>
            <a:chExt cx="725665" cy="646746"/>
          </a:xfrm>
        </p:grpSpPr>
        <p:sp>
          <p:nvSpPr>
            <p:cNvPr id="45" name="等腰三角形 44"/>
            <p:cNvSpPr/>
            <p:nvPr>
              <p:custDataLst>
                <p:tags r:id="rId4"/>
              </p:custDataLst>
            </p:nvPr>
          </p:nvSpPr>
          <p:spPr>
            <a:xfrm>
              <a:off x="7931619" y="1374144"/>
              <a:ext cx="227069" cy="254152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46" name="文本框 32"/>
            <p:cNvSpPr txBox="1">
              <a:spLocks noChangeArrowheads="1"/>
            </p:cNvSpPr>
            <p:nvPr/>
          </p:nvSpPr>
          <p:spPr bwMode="auto">
            <a:xfrm>
              <a:off x="7662936" y="1651558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25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grpSp>
        <p:nvGrpSpPr>
          <p:cNvPr id="47" name="组合 4"/>
          <p:cNvGrpSpPr>
            <a:grpSpLocks/>
          </p:cNvGrpSpPr>
          <p:nvPr/>
        </p:nvGrpSpPr>
        <p:grpSpPr bwMode="auto">
          <a:xfrm>
            <a:off x="2151063" y="3875120"/>
            <a:ext cx="725487" cy="646357"/>
            <a:chOff x="7662936" y="1374144"/>
            <a:chExt cx="725665" cy="646746"/>
          </a:xfrm>
        </p:grpSpPr>
        <p:sp>
          <p:nvSpPr>
            <p:cNvPr id="48" name="等腰三角形 47"/>
            <p:cNvSpPr/>
            <p:nvPr>
              <p:custDataLst>
                <p:tags r:id="rId3"/>
              </p:custDataLst>
            </p:nvPr>
          </p:nvSpPr>
          <p:spPr>
            <a:xfrm>
              <a:off x="7931619" y="1374144"/>
              <a:ext cx="227069" cy="254152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49" name="文本框 32"/>
            <p:cNvSpPr txBox="1">
              <a:spLocks noChangeArrowheads="1"/>
            </p:cNvSpPr>
            <p:nvPr/>
          </p:nvSpPr>
          <p:spPr bwMode="auto">
            <a:xfrm>
              <a:off x="7662936" y="1651558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27 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sp>
        <p:nvSpPr>
          <p:cNvPr id="50" name="矩形 49"/>
          <p:cNvSpPr/>
          <p:nvPr/>
        </p:nvSpPr>
        <p:spPr>
          <a:xfrm>
            <a:off x="2524125" y="3059389"/>
            <a:ext cx="1174932" cy="78898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dirty="0"/>
              <a:t>上课</a:t>
            </a:r>
          </a:p>
        </p:txBody>
      </p:sp>
      <p:grpSp>
        <p:nvGrpSpPr>
          <p:cNvPr id="51" name="组合 4"/>
          <p:cNvGrpSpPr>
            <a:grpSpLocks/>
          </p:cNvGrpSpPr>
          <p:nvPr/>
        </p:nvGrpSpPr>
        <p:grpSpPr bwMode="auto">
          <a:xfrm>
            <a:off x="3313375" y="3875120"/>
            <a:ext cx="725487" cy="646357"/>
            <a:chOff x="7662936" y="1374144"/>
            <a:chExt cx="725665" cy="646746"/>
          </a:xfrm>
        </p:grpSpPr>
        <p:sp>
          <p:nvSpPr>
            <p:cNvPr id="52" name="等腰三角形 51"/>
            <p:cNvSpPr/>
            <p:nvPr>
              <p:custDataLst>
                <p:tags r:id="rId2"/>
              </p:custDataLst>
            </p:nvPr>
          </p:nvSpPr>
          <p:spPr>
            <a:xfrm>
              <a:off x="7931619" y="1374144"/>
              <a:ext cx="227069" cy="254152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53" name="文本框 32"/>
            <p:cNvSpPr txBox="1">
              <a:spLocks noChangeArrowheads="1"/>
            </p:cNvSpPr>
            <p:nvPr/>
          </p:nvSpPr>
          <p:spPr bwMode="auto">
            <a:xfrm>
              <a:off x="7662936" y="1651558"/>
              <a:ext cx="725665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 dirty="0">
                  <a:latin typeface="Microsoft YaHei UI"/>
                  <a:ea typeface="微软雅黑" pitchFamily="34" charset="-122"/>
                </a:rPr>
                <a:t>9/30 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  <p:sp>
        <p:nvSpPr>
          <p:cNvPr id="2" name="TextBox 1"/>
          <p:cNvSpPr txBox="1"/>
          <p:nvPr/>
        </p:nvSpPr>
        <p:spPr>
          <a:xfrm>
            <a:off x="4038862" y="3287988"/>
            <a:ext cx="37335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dirty="0">
                <a:solidFill>
                  <a:schemeClr val="bg1"/>
                </a:solidFill>
              </a:rPr>
              <a:t>国庆七天乐！</a:t>
            </a:r>
          </a:p>
        </p:txBody>
      </p:sp>
      <p:grpSp>
        <p:nvGrpSpPr>
          <p:cNvPr id="54" name="组合 4"/>
          <p:cNvGrpSpPr>
            <a:grpSpLocks/>
          </p:cNvGrpSpPr>
          <p:nvPr/>
        </p:nvGrpSpPr>
        <p:grpSpPr bwMode="auto">
          <a:xfrm>
            <a:off x="7916607" y="3875121"/>
            <a:ext cx="725487" cy="646579"/>
            <a:chOff x="7662936" y="1374144"/>
            <a:chExt cx="725665" cy="646968"/>
          </a:xfrm>
        </p:grpSpPr>
        <p:sp>
          <p:nvSpPr>
            <p:cNvPr id="55" name="等腰三角形 54"/>
            <p:cNvSpPr/>
            <p:nvPr>
              <p:custDataLst>
                <p:tags r:id="rId1"/>
              </p:custDataLst>
            </p:nvPr>
          </p:nvSpPr>
          <p:spPr>
            <a:xfrm>
              <a:off x="7931619" y="1374144"/>
              <a:ext cx="227069" cy="254152"/>
            </a:xfrm>
            <a:prstGeom prst="triangl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56" name="文本框 32"/>
            <p:cNvSpPr txBox="1">
              <a:spLocks noChangeArrowheads="1"/>
            </p:cNvSpPr>
            <p:nvPr/>
          </p:nvSpPr>
          <p:spPr bwMode="auto">
            <a:xfrm>
              <a:off x="7662936" y="1651558"/>
              <a:ext cx="725665" cy="3695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r>
                <a:rPr lang="en-US" altLang="zh-CN">
                  <a:latin typeface="Microsoft YaHei UI"/>
                  <a:ea typeface="微软雅黑" pitchFamily="34" charset="-122"/>
                </a:rPr>
                <a:t>10/7</a:t>
              </a:r>
              <a:endParaRPr lang="zh-CN" altLang="en-US" dirty="0">
                <a:latin typeface="Microsoft YaHei UI"/>
                <a:ea typeface="微软雅黑" pitchFamily="34" charset="-122"/>
              </a:endParaRPr>
            </a:p>
          </p:txBody>
        </p:sp>
      </p:grp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任意多边形 53"/>
          <p:cNvSpPr/>
          <p:nvPr/>
        </p:nvSpPr>
        <p:spPr>
          <a:xfrm>
            <a:off x="4224338" y="3051175"/>
            <a:ext cx="3217862" cy="2808288"/>
          </a:xfrm>
          <a:custGeom>
            <a:avLst/>
            <a:gdLst/>
            <a:ahLst/>
            <a:cxnLst/>
            <a:rect l="l" t="t" r="r" b="b"/>
            <a:pathLst>
              <a:path w="3217602" h="2809018">
                <a:moveTo>
                  <a:pt x="1537663" y="0"/>
                </a:moveTo>
                <a:cubicBezTo>
                  <a:pt x="1614273" y="0"/>
                  <a:pt x="1697570" y="10336"/>
                  <a:pt x="1787557" y="31009"/>
                </a:cubicBezTo>
                <a:cubicBezTo>
                  <a:pt x="1877542" y="51681"/>
                  <a:pt x="1922535" y="102146"/>
                  <a:pt x="1922535" y="182404"/>
                </a:cubicBezTo>
                <a:cubicBezTo>
                  <a:pt x="1922535" y="221316"/>
                  <a:pt x="1899431" y="260837"/>
                  <a:pt x="1853222" y="300966"/>
                </a:cubicBezTo>
                <a:cubicBezTo>
                  <a:pt x="1807012" y="341095"/>
                  <a:pt x="1759587" y="425609"/>
                  <a:pt x="1710947" y="554507"/>
                </a:cubicBezTo>
                <a:cubicBezTo>
                  <a:pt x="1859302" y="488842"/>
                  <a:pt x="1973000" y="441417"/>
                  <a:pt x="2052042" y="412232"/>
                </a:cubicBezTo>
                <a:cubicBezTo>
                  <a:pt x="2131084" y="383048"/>
                  <a:pt x="2188845" y="368455"/>
                  <a:pt x="2225325" y="368455"/>
                </a:cubicBezTo>
                <a:cubicBezTo>
                  <a:pt x="2261806" y="368455"/>
                  <a:pt x="2300111" y="383656"/>
                  <a:pt x="2340240" y="414056"/>
                </a:cubicBezTo>
                <a:cubicBezTo>
                  <a:pt x="2380369" y="444457"/>
                  <a:pt x="2433265" y="474249"/>
                  <a:pt x="2498931" y="503434"/>
                </a:cubicBezTo>
                <a:cubicBezTo>
                  <a:pt x="2564596" y="532619"/>
                  <a:pt x="2609589" y="567884"/>
                  <a:pt x="2633910" y="609228"/>
                </a:cubicBezTo>
                <a:cubicBezTo>
                  <a:pt x="2658231" y="650573"/>
                  <a:pt x="2670390" y="690094"/>
                  <a:pt x="2670390" y="727791"/>
                </a:cubicBezTo>
                <a:cubicBezTo>
                  <a:pt x="2670390" y="765488"/>
                  <a:pt x="2661879" y="789200"/>
                  <a:pt x="2644854" y="798928"/>
                </a:cubicBezTo>
                <a:cubicBezTo>
                  <a:pt x="2579188" y="830545"/>
                  <a:pt x="2543316" y="875538"/>
                  <a:pt x="2537236" y="933907"/>
                </a:cubicBezTo>
                <a:cubicBezTo>
                  <a:pt x="2531155" y="992276"/>
                  <a:pt x="2511091" y="1078006"/>
                  <a:pt x="2477042" y="1191096"/>
                </a:cubicBezTo>
                <a:cubicBezTo>
                  <a:pt x="2442994" y="1304187"/>
                  <a:pt x="2402866" y="1410589"/>
                  <a:pt x="2356656" y="1510303"/>
                </a:cubicBezTo>
                <a:cubicBezTo>
                  <a:pt x="2349360" y="1527327"/>
                  <a:pt x="2345712" y="1543136"/>
                  <a:pt x="2345712" y="1557728"/>
                </a:cubicBezTo>
                <a:cubicBezTo>
                  <a:pt x="2345712" y="1594209"/>
                  <a:pt x="2359089" y="1612449"/>
                  <a:pt x="2385841" y="1612449"/>
                </a:cubicBezTo>
                <a:cubicBezTo>
                  <a:pt x="2412593" y="1612449"/>
                  <a:pt x="2432050" y="1625825"/>
                  <a:pt x="2444210" y="1652578"/>
                </a:cubicBezTo>
                <a:cubicBezTo>
                  <a:pt x="2456370" y="1679330"/>
                  <a:pt x="2462450" y="1708515"/>
                  <a:pt x="2462450" y="1740132"/>
                </a:cubicBezTo>
                <a:cubicBezTo>
                  <a:pt x="2462450" y="1771748"/>
                  <a:pt x="2449682" y="1810661"/>
                  <a:pt x="2424146" y="1856870"/>
                </a:cubicBezTo>
                <a:cubicBezTo>
                  <a:pt x="2398609" y="1903079"/>
                  <a:pt x="2366385" y="1949288"/>
                  <a:pt x="2327471" y="1995497"/>
                </a:cubicBezTo>
                <a:cubicBezTo>
                  <a:pt x="2317743" y="2005225"/>
                  <a:pt x="2312879" y="2016777"/>
                  <a:pt x="2312879" y="2030154"/>
                </a:cubicBezTo>
                <a:cubicBezTo>
                  <a:pt x="2312879" y="2043530"/>
                  <a:pt x="2318351" y="2050218"/>
                  <a:pt x="2329296" y="2050218"/>
                </a:cubicBezTo>
                <a:cubicBezTo>
                  <a:pt x="2340240" y="2050218"/>
                  <a:pt x="2363952" y="2043530"/>
                  <a:pt x="2400433" y="2030154"/>
                </a:cubicBezTo>
                <a:cubicBezTo>
                  <a:pt x="2436914" y="2016777"/>
                  <a:pt x="2457587" y="1998537"/>
                  <a:pt x="2462450" y="1975432"/>
                </a:cubicBezTo>
                <a:cubicBezTo>
                  <a:pt x="2467314" y="1952328"/>
                  <a:pt x="2483123" y="1932872"/>
                  <a:pt x="2509875" y="1917063"/>
                </a:cubicBezTo>
                <a:cubicBezTo>
                  <a:pt x="2536628" y="1901255"/>
                  <a:pt x="2559733" y="1893351"/>
                  <a:pt x="2579188" y="1893351"/>
                </a:cubicBezTo>
                <a:cubicBezTo>
                  <a:pt x="2622965" y="1893351"/>
                  <a:pt x="2657622" y="1915847"/>
                  <a:pt x="2683159" y="1960840"/>
                </a:cubicBezTo>
                <a:cubicBezTo>
                  <a:pt x="2708695" y="2005833"/>
                  <a:pt x="2721464" y="2048394"/>
                  <a:pt x="2721464" y="2088523"/>
                </a:cubicBezTo>
                <a:cubicBezTo>
                  <a:pt x="2721464" y="2128652"/>
                  <a:pt x="2697751" y="2177293"/>
                  <a:pt x="2650326" y="2234446"/>
                </a:cubicBezTo>
                <a:cubicBezTo>
                  <a:pt x="2602901" y="2291599"/>
                  <a:pt x="2569460" y="2320176"/>
                  <a:pt x="2550004" y="2320176"/>
                </a:cubicBezTo>
                <a:cubicBezTo>
                  <a:pt x="2537844" y="2320176"/>
                  <a:pt x="2525683" y="2309839"/>
                  <a:pt x="2513523" y="2289167"/>
                </a:cubicBezTo>
                <a:cubicBezTo>
                  <a:pt x="2501364" y="2268495"/>
                  <a:pt x="2487987" y="2253902"/>
                  <a:pt x="2473394" y="2245390"/>
                </a:cubicBezTo>
                <a:cubicBezTo>
                  <a:pt x="2458802" y="2236878"/>
                  <a:pt x="2441170" y="2232622"/>
                  <a:pt x="2420498" y="2232622"/>
                </a:cubicBezTo>
                <a:cubicBezTo>
                  <a:pt x="2399824" y="2232622"/>
                  <a:pt x="2372464" y="2241742"/>
                  <a:pt x="2338416" y="2259982"/>
                </a:cubicBezTo>
                <a:cubicBezTo>
                  <a:pt x="2304367" y="2278223"/>
                  <a:pt x="2276398" y="2298287"/>
                  <a:pt x="2254510" y="2320176"/>
                </a:cubicBezTo>
                <a:cubicBezTo>
                  <a:pt x="2232622" y="2342064"/>
                  <a:pt x="2215597" y="2356656"/>
                  <a:pt x="2203437" y="2363952"/>
                </a:cubicBezTo>
                <a:cubicBezTo>
                  <a:pt x="2191277" y="2371249"/>
                  <a:pt x="2170604" y="2374897"/>
                  <a:pt x="2141420" y="2374897"/>
                </a:cubicBezTo>
                <a:cubicBezTo>
                  <a:pt x="2112235" y="2374897"/>
                  <a:pt x="2084266" y="2352400"/>
                  <a:pt x="2057514" y="2307407"/>
                </a:cubicBezTo>
                <a:cubicBezTo>
                  <a:pt x="2030761" y="2262414"/>
                  <a:pt x="2017385" y="2208301"/>
                  <a:pt x="2017385" y="2145068"/>
                </a:cubicBezTo>
                <a:cubicBezTo>
                  <a:pt x="2017385" y="2081835"/>
                  <a:pt x="2040489" y="2035626"/>
                  <a:pt x="2086699" y="2006441"/>
                </a:cubicBezTo>
                <a:cubicBezTo>
                  <a:pt x="2132908" y="1977256"/>
                  <a:pt x="2177900" y="1925575"/>
                  <a:pt x="2221677" y="1851398"/>
                </a:cubicBezTo>
                <a:cubicBezTo>
                  <a:pt x="2265454" y="1777220"/>
                  <a:pt x="2292207" y="1702435"/>
                  <a:pt x="2301935" y="1627041"/>
                </a:cubicBezTo>
                <a:cubicBezTo>
                  <a:pt x="2214381" y="1612449"/>
                  <a:pt x="2156012" y="1600897"/>
                  <a:pt x="2126827" y="1592384"/>
                </a:cubicBezTo>
                <a:cubicBezTo>
                  <a:pt x="2097643" y="1583872"/>
                  <a:pt x="2083051" y="1575360"/>
                  <a:pt x="2083051" y="1566848"/>
                </a:cubicBezTo>
                <a:cubicBezTo>
                  <a:pt x="2083051" y="1558336"/>
                  <a:pt x="2085483" y="1550432"/>
                  <a:pt x="2090347" y="1543136"/>
                </a:cubicBezTo>
                <a:cubicBezTo>
                  <a:pt x="2078187" y="1518815"/>
                  <a:pt x="2056298" y="1506655"/>
                  <a:pt x="2024681" y="1506655"/>
                </a:cubicBezTo>
                <a:cubicBezTo>
                  <a:pt x="1993064" y="1506655"/>
                  <a:pt x="1955368" y="1518815"/>
                  <a:pt x="1911591" y="1543136"/>
                </a:cubicBezTo>
                <a:cubicBezTo>
                  <a:pt x="1867814" y="1567456"/>
                  <a:pt x="1838630" y="1597857"/>
                  <a:pt x="1824037" y="1634337"/>
                </a:cubicBezTo>
                <a:cubicBezTo>
                  <a:pt x="1901862" y="1634337"/>
                  <a:pt x="1961448" y="1644674"/>
                  <a:pt x="2002793" y="1665346"/>
                </a:cubicBezTo>
                <a:cubicBezTo>
                  <a:pt x="2044137" y="1686018"/>
                  <a:pt x="2064810" y="1710339"/>
                  <a:pt x="2064810" y="1738307"/>
                </a:cubicBezTo>
                <a:cubicBezTo>
                  <a:pt x="2064810" y="1766276"/>
                  <a:pt x="2057514" y="1791205"/>
                  <a:pt x="2042922" y="1813093"/>
                </a:cubicBezTo>
                <a:cubicBezTo>
                  <a:pt x="1962664" y="1932264"/>
                  <a:pt x="1903079" y="2024073"/>
                  <a:pt x="1864166" y="2088523"/>
                </a:cubicBezTo>
                <a:cubicBezTo>
                  <a:pt x="1825253" y="2152972"/>
                  <a:pt x="1800933" y="2197965"/>
                  <a:pt x="1791205" y="2223502"/>
                </a:cubicBezTo>
                <a:cubicBezTo>
                  <a:pt x="1781476" y="2249038"/>
                  <a:pt x="1776612" y="2276399"/>
                  <a:pt x="1776612" y="2305583"/>
                </a:cubicBezTo>
                <a:cubicBezTo>
                  <a:pt x="1776612" y="2422322"/>
                  <a:pt x="1824646" y="2495283"/>
                  <a:pt x="1920711" y="2524468"/>
                </a:cubicBezTo>
                <a:cubicBezTo>
                  <a:pt x="2016777" y="2553652"/>
                  <a:pt x="2141420" y="2568245"/>
                  <a:pt x="2294639" y="2568245"/>
                </a:cubicBezTo>
                <a:cubicBezTo>
                  <a:pt x="2605941" y="2568245"/>
                  <a:pt x="2800506" y="2529332"/>
                  <a:pt x="2878331" y="2451506"/>
                </a:cubicBezTo>
                <a:cubicBezTo>
                  <a:pt x="2956156" y="2373681"/>
                  <a:pt x="3004798" y="2241134"/>
                  <a:pt x="3024254" y="2053866"/>
                </a:cubicBezTo>
                <a:cubicBezTo>
                  <a:pt x="3029117" y="2005225"/>
                  <a:pt x="3036414" y="1980905"/>
                  <a:pt x="3046143" y="1980905"/>
                </a:cubicBezTo>
                <a:cubicBezTo>
                  <a:pt x="3063167" y="1980905"/>
                  <a:pt x="3095999" y="2070282"/>
                  <a:pt x="3144641" y="2249038"/>
                </a:cubicBezTo>
                <a:cubicBezTo>
                  <a:pt x="3193281" y="2427794"/>
                  <a:pt x="3217602" y="2546964"/>
                  <a:pt x="3217602" y="2606549"/>
                </a:cubicBezTo>
                <a:cubicBezTo>
                  <a:pt x="3217602" y="2666134"/>
                  <a:pt x="3202401" y="2706872"/>
                  <a:pt x="3172001" y="2728760"/>
                </a:cubicBezTo>
                <a:cubicBezTo>
                  <a:pt x="3141601" y="2750648"/>
                  <a:pt x="3033374" y="2769497"/>
                  <a:pt x="2847322" y="2785305"/>
                </a:cubicBezTo>
                <a:cubicBezTo>
                  <a:pt x="2661270" y="2801113"/>
                  <a:pt x="2484338" y="2809018"/>
                  <a:pt x="2316527" y="2809018"/>
                </a:cubicBezTo>
                <a:cubicBezTo>
                  <a:pt x="2148716" y="2809018"/>
                  <a:pt x="2016169" y="2787129"/>
                  <a:pt x="1918887" y="2743352"/>
                </a:cubicBezTo>
                <a:cubicBezTo>
                  <a:pt x="1821605" y="2699575"/>
                  <a:pt x="1741955" y="2644854"/>
                  <a:pt x="1679938" y="2579189"/>
                </a:cubicBezTo>
                <a:cubicBezTo>
                  <a:pt x="1617921" y="2513523"/>
                  <a:pt x="1586912" y="2442994"/>
                  <a:pt x="1586912" y="2367600"/>
                </a:cubicBezTo>
                <a:cubicBezTo>
                  <a:pt x="1586912" y="2292207"/>
                  <a:pt x="1602721" y="2213773"/>
                  <a:pt x="1634337" y="2132300"/>
                </a:cubicBezTo>
                <a:cubicBezTo>
                  <a:pt x="1665954" y="2050826"/>
                  <a:pt x="1697570" y="1989417"/>
                  <a:pt x="1729187" y="1948072"/>
                </a:cubicBezTo>
                <a:cubicBezTo>
                  <a:pt x="1760804" y="1906727"/>
                  <a:pt x="1784517" y="1866598"/>
                  <a:pt x="1800324" y="1827685"/>
                </a:cubicBezTo>
                <a:cubicBezTo>
                  <a:pt x="1816133" y="1788773"/>
                  <a:pt x="1824037" y="1760196"/>
                  <a:pt x="1824037" y="1741956"/>
                </a:cubicBezTo>
                <a:cubicBezTo>
                  <a:pt x="1824037" y="1723715"/>
                  <a:pt x="1816133" y="1714595"/>
                  <a:pt x="1800324" y="1714595"/>
                </a:cubicBezTo>
                <a:cubicBezTo>
                  <a:pt x="1784517" y="1714595"/>
                  <a:pt x="1770532" y="1725539"/>
                  <a:pt x="1758372" y="1747428"/>
                </a:cubicBezTo>
                <a:cubicBezTo>
                  <a:pt x="1714595" y="1825253"/>
                  <a:pt x="1630081" y="1934696"/>
                  <a:pt x="1504831" y="2075755"/>
                </a:cubicBezTo>
                <a:cubicBezTo>
                  <a:pt x="1379580" y="2216813"/>
                  <a:pt x="1256762" y="2342672"/>
                  <a:pt x="1136375" y="2453330"/>
                </a:cubicBezTo>
                <a:cubicBezTo>
                  <a:pt x="1015989" y="2563988"/>
                  <a:pt x="949715" y="2621750"/>
                  <a:pt x="937555" y="2626614"/>
                </a:cubicBezTo>
                <a:cubicBezTo>
                  <a:pt x="925395" y="2631478"/>
                  <a:pt x="915667" y="2633910"/>
                  <a:pt x="908371" y="2633910"/>
                </a:cubicBezTo>
                <a:cubicBezTo>
                  <a:pt x="871890" y="2633910"/>
                  <a:pt x="853650" y="2609589"/>
                  <a:pt x="853650" y="2560948"/>
                </a:cubicBezTo>
                <a:cubicBezTo>
                  <a:pt x="853650" y="2526900"/>
                  <a:pt x="865810" y="2496499"/>
                  <a:pt x="890130" y="2469746"/>
                </a:cubicBezTo>
                <a:cubicBezTo>
                  <a:pt x="1208729" y="2131692"/>
                  <a:pt x="1382620" y="1915239"/>
                  <a:pt x="1411805" y="1820389"/>
                </a:cubicBezTo>
                <a:cubicBezTo>
                  <a:pt x="1309658" y="1876326"/>
                  <a:pt x="1234265" y="1904295"/>
                  <a:pt x="1185624" y="1904295"/>
                </a:cubicBezTo>
                <a:cubicBezTo>
                  <a:pt x="1122391" y="1904295"/>
                  <a:pt x="1073750" y="1850790"/>
                  <a:pt x="1039701" y="1743780"/>
                </a:cubicBezTo>
                <a:cubicBezTo>
                  <a:pt x="930259" y="1763236"/>
                  <a:pt x="820209" y="1816741"/>
                  <a:pt x="709551" y="1904295"/>
                </a:cubicBezTo>
                <a:cubicBezTo>
                  <a:pt x="598892" y="1991849"/>
                  <a:pt x="543563" y="2052650"/>
                  <a:pt x="543563" y="2086699"/>
                </a:cubicBezTo>
                <a:cubicBezTo>
                  <a:pt x="543563" y="2145068"/>
                  <a:pt x="509514" y="2174253"/>
                  <a:pt x="441417" y="2174253"/>
                </a:cubicBezTo>
                <a:cubicBezTo>
                  <a:pt x="373320" y="2174253"/>
                  <a:pt x="318599" y="2142636"/>
                  <a:pt x="277254" y="2079403"/>
                </a:cubicBezTo>
                <a:cubicBezTo>
                  <a:pt x="235909" y="2016169"/>
                  <a:pt x="215236" y="1940776"/>
                  <a:pt x="215236" y="1853222"/>
                </a:cubicBezTo>
                <a:cubicBezTo>
                  <a:pt x="215236" y="1836198"/>
                  <a:pt x="217668" y="1814309"/>
                  <a:pt x="222532" y="1787556"/>
                </a:cubicBezTo>
                <a:cubicBezTo>
                  <a:pt x="227397" y="1760804"/>
                  <a:pt x="243813" y="1730403"/>
                  <a:pt x="271782" y="1696355"/>
                </a:cubicBezTo>
                <a:cubicBezTo>
                  <a:pt x="299750" y="1662306"/>
                  <a:pt x="381832" y="1545568"/>
                  <a:pt x="518026" y="1346140"/>
                </a:cubicBezTo>
                <a:cubicBezTo>
                  <a:pt x="411016" y="1414237"/>
                  <a:pt x="282118" y="1507871"/>
                  <a:pt x="131331" y="1627041"/>
                </a:cubicBezTo>
                <a:cubicBezTo>
                  <a:pt x="121603" y="1634337"/>
                  <a:pt x="113090" y="1637985"/>
                  <a:pt x="105794" y="1637985"/>
                </a:cubicBezTo>
                <a:cubicBezTo>
                  <a:pt x="76609" y="1637985"/>
                  <a:pt x="51681" y="1608801"/>
                  <a:pt x="31008" y="1550432"/>
                </a:cubicBezTo>
                <a:cubicBezTo>
                  <a:pt x="10336" y="1492063"/>
                  <a:pt x="0" y="1433085"/>
                  <a:pt x="0" y="1373500"/>
                </a:cubicBezTo>
                <a:cubicBezTo>
                  <a:pt x="0" y="1313915"/>
                  <a:pt x="11552" y="1273786"/>
                  <a:pt x="34656" y="1253114"/>
                </a:cubicBezTo>
                <a:cubicBezTo>
                  <a:pt x="57761" y="1232441"/>
                  <a:pt x="94850" y="1219673"/>
                  <a:pt x="145923" y="1214809"/>
                </a:cubicBezTo>
                <a:cubicBezTo>
                  <a:pt x="277254" y="1110231"/>
                  <a:pt x="420745" y="958228"/>
                  <a:pt x="576396" y="758800"/>
                </a:cubicBezTo>
                <a:cubicBezTo>
                  <a:pt x="420745" y="581260"/>
                  <a:pt x="342919" y="468169"/>
                  <a:pt x="342919" y="419528"/>
                </a:cubicBezTo>
                <a:cubicBezTo>
                  <a:pt x="342919" y="383048"/>
                  <a:pt x="366631" y="370279"/>
                  <a:pt x="414056" y="381224"/>
                </a:cubicBezTo>
                <a:cubicBezTo>
                  <a:pt x="461481" y="392168"/>
                  <a:pt x="507082" y="397640"/>
                  <a:pt x="550859" y="397640"/>
                </a:cubicBezTo>
                <a:cubicBezTo>
                  <a:pt x="582476" y="397640"/>
                  <a:pt x="637197" y="383656"/>
                  <a:pt x="715023" y="355687"/>
                </a:cubicBezTo>
                <a:cubicBezTo>
                  <a:pt x="792848" y="327718"/>
                  <a:pt x="853650" y="299142"/>
                  <a:pt x="897426" y="269957"/>
                </a:cubicBezTo>
                <a:cubicBezTo>
                  <a:pt x="916883" y="257797"/>
                  <a:pt x="936947" y="251717"/>
                  <a:pt x="957619" y="251717"/>
                </a:cubicBezTo>
                <a:cubicBezTo>
                  <a:pt x="978292" y="251717"/>
                  <a:pt x="1013557" y="274821"/>
                  <a:pt x="1063414" y="321030"/>
                </a:cubicBezTo>
                <a:cubicBezTo>
                  <a:pt x="1113270" y="367239"/>
                  <a:pt x="1138199" y="403112"/>
                  <a:pt x="1138199" y="428649"/>
                </a:cubicBezTo>
                <a:cubicBezTo>
                  <a:pt x="1138199" y="454185"/>
                  <a:pt x="1130903" y="479722"/>
                  <a:pt x="1116310" y="505258"/>
                </a:cubicBezTo>
                <a:cubicBezTo>
                  <a:pt x="1101718" y="530795"/>
                  <a:pt x="1063414" y="578220"/>
                  <a:pt x="1001396" y="647533"/>
                </a:cubicBezTo>
                <a:cubicBezTo>
                  <a:pt x="939379" y="716847"/>
                  <a:pt x="863378" y="791024"/>
                  <a:pt x="773392" y="870066"/>
                </a:cubicBezTo>
                <a:cubicBezTo>
                  <a:pt x="683406" y="949107"/>
                  <a:pt x="567883" y="1042133"/>
                  <a:pt x="426825" y="1149144"/>
                </a:cubicBezTo>
                <a:cubicBezTo>
                  <a:pt x="555724" y="1115095"/>
                  <a:pt x="648141" y="1073750"/>
                  <a:pt x="704079" y="1025109"/>
                </a:cubicBezTo>
                <a:cubicBezTo>
                  <a:pt x="711375" y="1005652"/>
                  <a:pt x="730831" y="989844"/>
                  <a:pt x="762448" y="977684"/>
                </a:cubicBezTo>
                <a:cubicBezTo>
                  <a:pt x="794064" y="965524"/>
                  <a:pt x="820209" y="959444"/>
                  <a:pt x="840881" y="959444"/>
                </a:cubicBezTo>
                <a:cubicBezTo>
                  <a:pt x="861553" y="959444"/>
                  <a:pt x="876754" y="960660"/>
                  <a:pt x="886482" y="963092"/>
                </a:cubicBezTo>
                <a:cubicBezTo>
                  <a:pt x="913235" y="955795"/>
                  <a:pt x="937555" y="952147"/>
                  <a:pt x="959444" y="952147"/>
                </a:cubicBezTo>
                <a:cubicBezTo>
                  <a:pt x="981332" y="952147"/>
                  <a:pt x="1000788" y="969780"/>
                  <a:pt x="1017813" y="1005045"/>
                </a:cubicBezTo>
                <a:cubicBezTo>
                  <a:pt x="1034837" y="1040309"/>
                  <a:pt x="1043349" y="1066454"/>
                  <a:pt x="1043349" y="1083478"/>
                </a:cubicBezTo>
                <a:cubicBezTo>
                  <a:pt x="1043349" y="1144279"/>
                  <a:pt x="967956" y="1211161"/>
                  <a:pt x="817169" y="1284122"/>
                </a:cubicBezTo>
                <a:cubicBezTo>
                  <a:pt x="717454" y="1488414"/>
                  <a:pt x="618957" y="1636769"/>
                  <a:pt x="521675" y="1729187"/>
                </a:cubicBezTo>
                <a:cubicBezTo>
                  <a:pt x="650573" y="1690275"/>
                  <a:pt x="772176" y="1644066"/>
                  <a:pt x="886482" y="1590560"/>
                </a:cubicBezTo>
                <a:cubicBezTo>
                  <a:pt x="864594" y="1551648"/>
                  <a:pt x="853650" y="1513343"/>
                  <a:pt x="853650" y="1475646"/>
                </a:cubicBezTo>
                <a:cubicBezTo>
                  <a:pt x="853650" y="1437949"/>
                  <a:pt x="866418" y="1406941"/>
                  <a:pt x="891954" y="1382620"/>
                </a:cubicBezTo>
                <a:cubicBezTo>
                  <a:pt x="917490" y="1358300"/>
                  <a:pt x="946067" y="1346140"/>
                  <a:pt x="977684" y="1346140"/>
                </a:cubicBezTo>
                <a:cubicBezTo>
                  <a:pt x="1053077" y="1346140"/>
                  <a:pt x="1136983" y="1422749"/>
                  <a:pt x="1229401" y="1575968"/>
                </a:cubicBezTo>
                <a:cubicBezTo>
                  <a:pt x="1278042" y="1556512"/>
                  <a:pt x="1313306" y="1533407"/>
                  <a:pt x="1335195" y="1506655"/>
                </a:cubicBezTo>
                <a:cubicBezTo>
                  <a:pt x="1308442" y="1450718"/>
                  <a:pt x="1289594" y="1401469"/>
                  <a:pt x="1278650" y="1358908"/>
                </a:cubicBezTo>
                <a:cubicBezTo>
                  <a:pt x="1267706" y="1316347"/>
                  <a:pt x="1260410" y="1256154"/>
                  <a:pt x="1256762" y="1178328"/>
                </a:cubicBezTo>
                <a:cubicBezTo>
                  <a:pt x="1253114" y="1100503"/>
                  <a:pt x="1244601" y="1044565"/>
                  <a:pt x="1231225" y="1010517"/>
                </a:cubicBezTo>
                <a:cubicBezTo>
                  <a:pt x="1217849" y="976468"/>
                  <a:pt x="1205080" y="954579"/>
                  <a:pt x="1192920" y="944851"/>
                </a:cubicBezTo>
                <a:cubicBezTo>
                  <a:pt x="1163735" y="920531"/>
                  <a:pt x="1149143" y="888914"/>
                  <a:pt x="1149143" y="850001"/>
                </a:cubicBezTo>
                <a:cubicBezTo>
                  <a:pt x="1149143" y="789200"/>
                  <a:pt x="1181976" y="735695"/>
                  <a:pt x="1247641" y="689486"/>
                </a:cubicBezTo>
                <a:cubicBezTo>
                  <a:pt x="1296282" y="655437"/>
                  <a:pt x="1361948" y="578828"/>
                  <a:pt x="1444637" y="459657"/>
                </a:cubicBezTo>
                <a:cubicBezTo>
                  <a:pt x="1527327" y="340487"/>
                  <a:pt x="1568672" y="254149"/>
                  <a:pt x="1568672" y="200644"/>
                </a:cubicBezTo>
                <a:cubicBezTo>
                  <a:pt x="1568672" y="178755"/>
                  <a:pt x="1560768" y="158691"/>
                  <a:pt x="1544959" y="140451"/>
                </a:cubicBezTo>
                <a:cubicBezTo>
                  <a:pt x="1529151" y="122210"/>
                  <a:pt x="1498142" y="96066"/>
                  <a:pt x="1451933" y="62017"/>
                </a:cubicBezTo>
                <a:cubicBezTo>
                  <a:pt x="1432477" y="47425"/>
                  <a:pt x="1422749" y="33441"/>
                  <a:pt x="1422749" y="20064"/>
                </a:cubicBezTo>
                <a:cubicBezTo>
                  <a:pt x="1422749" y="6688"/>
                  <a:pt x="1461054" y="0"/>
                  <a:pt x="1537663" y="0"/>
                </a:cubicBezTo>
                <a:close/>
                <a:moveTo>
                  <a:pt x="1546783" y="660301"/>
                </a:moveTo>
                <a:cubicBezTo>
                  <a:pt x="1451933" y="711375"/>
                  <a:pt x="1372892" y="744207"/>
                  <a:pt x="1309658" y="758800"/>
                </a:cubicBezTo>
                <a:cubicBezTo>
                  <a:pt x="1331547" y="790416"/>
                  <a:pt x="1358300" y="831761"/>
                  <a:pt x="1389916" y="882834"/>
                </a:cubicBezTo>
                <a:cubicBezTo>
                  <a:pt x="1426397" y="812305"/>
                  <a:pt x="1478686" y="738127"/>
                  <a:pt x="1546783" y="660301"/>
                </a:cubicBezTo>
                <a:close/>
                <a:moveTo>
                  <a:pt x="1597857" y="766096"/>
                </a:moveTo>
                <a:cubicBezTo>
                  <a:pt x="1566240" y="766096"/>
                  <a:pt x="1538271" y="772784"/>
                  <a:pt x="1513951" y="786160"/>
                </a:cubicBezTo>
                <a:cubicBezTo>
                  <a:pt x="1489631" y="799536"/>
                  <a:pt x="1470174" y="820817"/>
                  <a:pt x="1455581" y="850001"/>
                </a:cubicBezTo>
                <a:cubicBezTo>
                  <a:pt x="1440989" y="879186"/>
                  <a:pt x="1433085" y="908371"/>
                  <a:pt x="1431869" y="937555"/>
                </a:cubicBezTo>
                <a:cubicBezTo>
                  <a:pt x="1430653" y="966740"/>
                  <a:pt x="1431261" y="1010517"/>
                  <a:pt x="1433693" y="1068886"/>
                </a:cubicBezTo>
                <a:cubicBezTo>
                  <a:pt x="1526111" y="1022677"/>
                  <a:pt x="1618529" y="980116"/>
                  <a:pt x="1710947" y="941203"/>
                </a:cubicBezTo>
                <a:cubicBezTo>
                  <a:pt x="1713379" y="894994"/>
                  <a:pt x="1712162" y="842705"/>
                  <a:pt x="1707299" y="784336"/>
                </a:cubicBezTo>
                <a:cubicBezTo>
                  <a:pt x="1665954" y="772176"/>
                  <a:pt x="1629473" y="766096"/>
                  <a:pt x="1597857" y="766096"/>
                </a:cubicBezTo>
                <a:close/>
                <a:moveTo>
                  <a:pt x="1470174" y="1262234"/>
                </a:moveTo>
                <a:cubicBezTo>
                  <a:pt x="1465309" y="1313307"/>
                  <a:pt x="1470174" y="1366812"/>
                  <a:pt x="1484766" y="1422749"/>
                </a:cubicBezTo>
                <a:cubicBezTo>
                  <a:pt x="1526111" y="1398429"/>
                  <a:pt x="1574752" y="1357084"/>
                  <a:pt x="1630689" y="1298715"/>
                </a:cubicBezTo>
                <a:cubicBezTo>
                  <a:pt x="1577185" y="1274394"/>
                  <a:pt x="1523679" y="1262234"/>
                  <a:pt x="1470174" y="1262234"/>
                </a:cubicBezTo>
                <a:close/>
                <a:moveTo>
                  <a:pt x="2234446" y="521674"/>
                </a:moveTo>
                <a:cubicBezTo>
                  <a:pt x="2216205" y="521674"/>
                  <a:pt x="2197357" y="528971"/>
                  <a:pt x="2177900" y="543563"/>
                </a:cubicBezTo>
                <a:cubicBezTo>
                  <a:pt x="2136556" y="570315"/>
                  <a:pt x="2064810" y="595852"/>
                  <a:pt x="1962664" y="620173"/>
                </a:cubicBezTo>
                <a:cubicBezTo>
                  <a:pt x="1969960" y="680974"/>
                  <a:pt x="1982120" y="753935"/>
                  <a:pt x="1999145" y="839057"/>
                </a:cubicBezTo>
                <a:cubicBezTo>
                  <a:pt x="2079403" y="856082"/>
                  <a:pt x="2119531" y="905939"/>
                  <a:pt x="2119531" y="988628"/>
                </a:cubicBezTo>
                <a:cubicBezTo>
                  <a:pt x="2119531" y="1034837"/>
                  <a:pt x="2101899" y="1069494"/>
                  <a:pt x="2066634" y="1092598"/>
                </a:cubicBezTo>
                <a:cubicBezTo>
                  <a:pt x="2031369" y="1115703"/>
                  <a:pt x="2001577" y="1139415"/>
                  <a:pt x="1977256" y="1163736"/>
                </a:cubicBezTo>
                <a:cubicBezTo>
                  <a:pt x="1952935" y="1188056"/>
                  <a:pt x="1938951" y="1211161"/>
                  <a:pt x="1935303" y="1233049"/>
                </a:cubicBezTo>
                <a:cubicBezTo>
                  <a:pt x="1931655" y="1254938"/>
                  <a:pt x="1929832" y="1282906"/>
                  <a:pt x="1929832" y="1316955"/>
                </a:cubicBezTo>
                <a:cubicBezTo>
                  <a:pt x="2000360" y="1299931"/>
                  <a:pt x="2053866" y="1291418"/>
                  <a:pt x="2090347" y="1291418"/>
                </a:cubicBezTo>
                <a:cubicBezTo>
                  <a:pt x="2126827" y="1291418"/>
                  <a:pt x="2157228" y="1302363"/>
                  <a:pt x="2181549" y="1324251"/>
                </a:cubicBezTo>
                <a:cubicBezTo>
                  <a:pt x="2210733" y="1270746"/>
                  <a:pt x="2244174" y="1168600"/>
                  <a:pt x="2281871" y="1017813"/>
                </a:cubicBezTo>
                <a:cubicBezTo>
                  <a:pt x="2319567" y="867026"/>
                  <a:pt x="2338416" y="766704"/>
                  <a:pt x="2338416" y="716847"/>
                </a:cubicBezTo>
                <a:cubicBezTo>
                  <a:pt x="2338416" y="666990"/>
                  <a:pt x="2325648" y="621997"/>
                  <a:pt x="2300111" y="581868"/>
                </a:cubicBezTo>
                <a:cubicBezTo>
                  <a:pt x="2274575" y="541739"/>
                  <a:pt x="2252686" y="521674"/>
                  <a:pt x="2234446" y="521674"/>
                </a:cubicBezTo>
                <a:close/>
              </a:path>
            </a:pathLst>
          </a:custGeom>
          <a:solidFill>
            <a:schemeClr val="tx1">
              <a:lumMod val="50000"/>
              <a:lumOff val="50000"/>
              <a:alpha val="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55" name="组合 54"/>
          <p:cNvGrpSpPr/>
          <p:nvPr/>
        </p:nvGrpSpPr>
        <p:grpSpPr>
          <a:xfrm>
            <a:off x="1058046" y="1451602"/>
            <a:ext cx="3243138" cy="3166529"/>
            <a:chOff x="-1855351" y="1280575"/>
            <a:chExt cx="3243138" cy="3166529"/>
          </a:xfrm>
          <a:solidFill>
            <a:schemeClr val="tx1">
              <a:lumMod val="50000"/>
              <a:lumOff val="50000"/>
              <a:alpha val="0"/>
            </a:schemeClr>
          </a:solidFill>
        </p:grpSpPr>
        <p:sp>
          <p:nvSpPr>
            <p:cNvPr id="56" name="任意多边形 55"/>
            <p:cNvSpPr/>
            <p:nvPr/>
          </p:nvSpPr>
          <p:spPr>
            <a:xfrm>
              <a:off x="-337753" y="1280575"/>
              <a:ext cx="1725540" cy="3166529"/>
            </a:xfrm>
            <a:custGeom>
              <a:avLst/>
              <a:gdLst/>
              <a:ahLst/>
              <a:cxnLst/>
              <a:rect l="l" t="t" r="r" b="b"/>
              <a:pathLst>
                <a:path w="1725540" h="3166529">
                  <a:moveTo>
                    <a:pt x="809873" y="0"/>
                  </a:moveTo>
                  <a:cubicBezTo>
                    <a:pt x="885266" y="0"/>
                    <a:pt x="944244" y="37089"/>
                    <a:pt x="986804" y="111266"/>
                  </a:cubicBezTo>
                  <a:cubicBezTo>
                    <a:pt x="1029365" y="185444"/>
                    <a:pt x="1050646" y="248677"/>
                    <a:pt x="1050646" y="300966"/>
                  </a:cubicBezTo>
                  <a:cubicBezTo>
                    <a:pt x="1050646" y="353255"/>
                    <a:pt x="1044566" y="414665"/>
                    <a:pt x="1032405" y="485194"/>
                  </a:cubicBezTo>
                  <a:cubicBezTo>
                    <a:pt x="1098071" y="460873"/>
                    <a:pt x="1157048" y="448713"/>
                    <a:pt x="1209337" y="448713"/>
                  </a:cubicBezTo>
                  <a:cubicBezTo>
                    <a:pt x="1261626" y="448713"/>
                    <a:pt x="1309659" y="465130"/>
                    <a:pt x="1353436" y="497962"/>
                  </a:cubicBezTo>
                  <a:cubicBezTo>
                    <a:pt x="1397213" y="530795"/>
                    <a:pt x="1419101" y="567884"/>
                    <a:pt x="1419101" y="609229"/>
                  </a:cubicBezTo>
                  <a:cubicBezTo>
                    <a:pt x="1419101" y="650573"/>
                    <a:pt x="1394173" y="684622"/>
                    <a:pt x="1344316" y="711375"/>
                  </a:cubicBezTo>
                  <a:cubicBezTo>
                    <a:pt x="1294459" y="738127"/>
                    <a:pt x="1240346" y="781296"/>
                    <a:pt x="1181977" y="840881"/>
                  </a:cubicBezTo>
                  <a:cubicBezTo>
                    <a:pt x="1123608" y="900467"/>
                    <a:pt x="1094423" y="937555"/>
                    <a:pt x="1094423" y="952148"/>
                  </a:cubicBezTo>
                  <a:cubicBezTo>
                    <a:pt x="1094423" y="964308"/>
                    <a:pt x="1109015" y="970388"/>
                    <a:pt x="1138200" y="970388"/>
                  </a:cubicBezTo>
                  <a:cubicBezTo>
                    <a:pt x="1167384" y="970388"/>
                    <a:pt x="1199001" y="988629"/>
                    <a:pt x="1233050" y="1025109"/>
                  </a:cubicBezTo>
                  <a:cubicBezTo>
                    <a:pt x="1267098" y="1061590"/>
                    <a:pt x="1284123" y="1092599"/>
                    <a:pt x="1284123" y="1118135"/>
                  </a:cubicBezTo>
                  <a:cubicBezTo>
                    <a:pt x="1284123" y="1143672"/>
                    <a:pt x="1272570" y="1164344"/>
                    <a:pt x="1249466" y="1180152"/>
                  </a:cubicBezTo>
                  <a:cubicBezTo>
                    <a:pt x="1226362" y="1195961"/>
                    <a:pt x="1206297" y="1218457"/>
                    <a:pt x="1189273" y="1247642"/>
                  </a:cubicBezTo>
                  <a:cubicBezTo>
                    <a:pt x="1218457" y="1298715"/>
                    <a:pt x="1269530" y="1332156"/>
                    <a:pt x="1342492" y="1347964"/>
                  </a:cubicBezTo>
                  <a:cubicBezTo>
                    <a:pt x="1415454" y="1363772"/>
                    <a:pt x="1467743" y="1388701"/>
                    <a:pt x="1499359" y="1422749"/>
                  </a:cubicBezTo>
                  <a:cubicBezTo>
                    <a:pt x="1530976" y="1456798"/>
                    <a:pt x="1546784" y="1488415"/>
                    <a:pt x="1546784" y="1517599"/>
                  </a:cubicBezTo>
                  <a:cubicBezTo>
                    <a:pt x="1546784" y="1546784"/>
                    <a:pt x="1527328" y="1561376"/>
                    <a:pt x="1488415" y="1561376"/>
                  </a:cubicBezTo>
                  <a:cubicBezTo>
                    <a:pt x="1473823" y="1561376"/>
                    <a:pt x="1453758" y="1557728"/>
                    <a:pt x="1428222" y="1550432"/>
                  </a:cubicBezTo>
                  <a:cubicBezTo>
                    <a:pt x="1402685" y="1543136"/>
                    <a:pt x="1370460" y="1539488"/>
                    <a:pt x="1331548" y="1539488"/>
                  </a:cubicBezTo>
                  <a:cubicBezTo>
                    <a:pt x="1173465" y="1539488"/>
                    <a:pt x="980116" y="1608801"/>
                    <a:pt x="751504" y="1747428"/>
                  </a:cubicBezTo>
                  <a:cubicBezTo>
                    <a:pt x="710159" y="1791205"/>
                    <a:pt x="685838" y="1862950"/>
                    <a:pt x="678542" y="1962664"/>
                  </a:cubicBezTo>
                  <a:cubicBezTo>
                    <a:pt x="795281" y="1926184"/>
                    <a:pt x="908371" y="1894567"/>
                    <a:pt x="1017813" y="1867814"/>
                  </a:cubicBezTo>
                  <a:cubicBezTo>
                    <a:pt x="1008085" y="1845926"/>
                    <a:pt x="1003221" y="1823430"/>
                    <a:pt x="1003221" y="1800325"/>
                  </a:cubicBezTo>
                  <a:cubicBezTo>
                    <a:pt x="1003221" y="1777221"/>
                    <a:pt x="1012949" y="1758372"/>
                    <a:pt x="1032405" y="1743780"/>
                  </a:cubicBezTo>
                  <a:cubicBezTo>
                    <a:pt x="1051862" y="1729188"/>
                    <a:pt x="1087735" y="1721892"/>
                    <a:pt x="1140024" y="1721892"/>
                  </a:cubicBezTo>
                  <a:cubicBezTo>
                    <a:pt x="1192313" y="1721892"/>
                    <a:pt x="1233658" y="1730404"/>
                    <a:pt x="1264058" y="1747428"/>
                  </a:cubicBezTo>
                  <a:cubicBezTo>
                    <a:pt x="1294459" y="1764452"/>
                    <a:pt x="1324252" y="1793637"/>
                    <a:pt x="1353436" y="1834982"/>
                  </a:cubicBezTo>
                  <a:cubicBezTo>
                    <a:pt x="1443422" y="1832550"/>
                    <a:pt x="1527936" y="1850182"/>
                    <a:pt x="1606977" y="1887879"/>
                  </a:cubicBezTo>
                  <a:cubicBezTo>
                    <a:pt x="1686019" y="1925576"/>
                    <a:pt x="1725540" y="1959624"/>
                    <a:pt x="1725540" y="1990025"/>
                  </a:cubicBezTo>
                  <a:cubicBezTo>
                    <a:pt x="1725540" y="2020426"/>
                    <a:pt x="1686627" y="2035626"/>
                    <a:pt x="1608801" y="2035626"/>
                  </a:cubicBezTo>
                  <a:cubicBezTo>
                    <a:pt x="1530976" y="2035626"/>
                    <a:pt x="1445854" y="2028330"/>
                    <a:pt x="1353436" y="2013737"/>
                  </a:cubicBezTo>
                  <a:cubicBezTo>
                    <a:pt x="1341276" y="2140204"/>
                    <a:pt x="1334588" y="2238702"/>
                    <a:pt x="1333372" y="2309232"/>
                  </a:cubicBezTo>
                  <a:cubicBezTo>
                    <a:pt x="1332156" y="2379761"/>
                    <a:pt x="1331548" y="2557301"/>
                    <a:pt x="1331548" y="2841851"/>
                  </a:cubicBezTo>
                  <a:cubicBezTo>
                    <a:pt x="1331548" y="2892924"/>
                    <a:pt x="1321211" y="2959805"/>
                    <a:pt x="1300539" y="3042495"/>
                  </a:cubicBezTo>
                  <a:cubicBezTo>
                    <a:pt x="1279866" y="3125184"/>
                    <a:pt x="1247642" y="3166529"/>
                    <a:pt x="1203865" y="3166529"/>
                  </a:cubicBezTo>
                  <a:cubicBezTo>
                    <a:pt x="1177113" y="3166529"/>
                    <a:pt x="1152184" y="3154977"/>
                    <a:pt x="1129079" y="3131872"/>
                  </a:cubicBezTo>
                  <a:cubicBezTo>
                    <a:pt x="1105975" y="3108768"/>
                    <a:pt x="1046390" y="3063775"/>
                    <a:pt x="950324" y="2996894"/>
                  </a:cubicBezTo>
                  <a:cubicBezTo>
                    <a:pt x="854258" y="2930012"/>
                    <a:pt x="807441" y="2868603"/>
                    <a:pt x="809873" y="2812666"/>
                  </a:cubicBezTo>
                  <a:cubicBezTo>
                    <a:pt x="753936" y="2761593"/>
                    <a:pt x="711983" y="2708088"/>
                    <a:pt x="684014" y="2652151"/>
                  </a:cubicBezTo>
                  <a:cubicBezTo>
                    <a:pt x="656046" y="2596213"/>
                    <a:pt x="642062" y="2548788"/>
                    <a:pt x="642062" y="2509876"/>
                  </a:cubicBezTo>
                  <a:cubicBezTo>
                    <a:pt x="642062" y="2470963"/>
                    <a:pt x="659086" y="2435698"/>
                    <a:pt x="693135" y="2404082"/>
                  </a:cubicBezTo>
                  <a:cubicBezTo>
                    <a:pt x="727183" y="2372465"/>
                    <a:pt x="772784" y="2356657"/>
                    <a:pt x="829937" y="2356657"/>
                  </a:cubicBezTo>
                  <a:cubicBezTo>
                    <a:pt x="887090" y="2356657"/>
                    <a:pt x="938163" y="2371857"/>
                    <a:pt x="983157" y="2402258"/>
                  </a:cubicBezTo>
                  <a:cubicBezTo>
                    <a:pt x="1028149" y="2432658"/>
                    <a:pt x="1050646" y="2470963"/>
                    <a:pt x="1050646" y="2517172"/>
                  </a:cubicBezTo>
                  <a:cubicBezTo>
                    <a:pt x="1050646" y="2624182"/>
                    <a:pt x="1023893" y="2677687"/>
                    <a:pt x="970388" y="2677687"/>
                  </a:cubicBezTo>
                  <a:cubicBezTo>
                    <a:pt x="929043" y="2677687"/>
                    <a:pt x="893171" y="2645463"/>
                    <a:pt x="862770" y="2581013"/>
                  </a:cubicBezTo>
                  <a:cubicBezTo>
                    <a:pt x="832369" y="2516564"/>
                    <a:pt x="806225" y="2484339"/>
                    <a:pt x="784336" y="2484339"/>
                  </a:cubicBezTo>
                  <a:cubicBezTo>
                    <a:pt x="772176" y="2484339"/>
                    <a:pt x="758800" y="2492243"/>
                    <a:pt x="744208" y="2508052"/>
                  </a:cubicBezTo>
                  <a:cubicBezTo>
                    <a:pt x="729615" y="2523860"/>
                    <a:pt x="722319" y="2543925"/>
                    <a:pt x="722319" y="2568245"/>
                  </a:cubicBezTo>
                  <a:cubicBezTo>
                    <a:pt x="722319" y="2653367"/>
                    <a:pt x="772176" y="2726328"/>
                    <a:pt x="871890" y="2787129"/>
                  </a:cubicBezTo>
                  <a:cubicBezTo>
                    <a:pt x="966740" y="2804154"/>
                    <a:pt x="1033621" y="2812666"/>
                    <a:pt x="1072534" y="2812666"/>
                  </a:cubicBezTo>
                  <a:cubicBezTo>
                    <a:pt x="1111447" y="2812666"/>
                    <a:pt x="1132727" y="2805978"/>
                    <a:pt x="1136376" y="2792601"/>
                  </a:cubicBezTo>
                  <a:cubicBezTo>
                    <a:pt x="1140024" y="2779225"/>
                    <a:pt x="1143672" y="2729976"/>
                    <a:pt x="1147320" y="2644854"/>
                  </a:cubicBezTo>
                  <a:cubicBezTo>
                    <a:pt x="1150968" y="2559733"/>
                    <a:pt x="1152792" y="2481299"/>
                    <a:pt x="1152792" y="2409554"/>
                  </a:cubicBezTo>
                  <a:cubicBezTo>
                    <a:pt x="1152792" y="2337808"/>
                    <a:pt x="1147928" y="2205870"/>
                    <a:pt x="1138200" y="2013737"/>
                  </a:cubicBezTo>
                  <a:cubicBezTo>
                    <a:pt x="875538" y="2074539"/>
                    <a:pt x="694350" y="2153580"/>
                    <a:pt x="594637" y="2250862"/>
                  </a:cubicBezTo>
                  <a:cubicBezTo>
                    <a:pt x="514379" y="2503796"/>
                    <a:pt x="445674" y="2662487"/>
                    <a:pt x="388520" y="2726936"/>
                  </a:cubicBezTo>
                  <a:cubicBezTo>
                    <a:pt x="331367" y="2791386"/>
                    <a:pt x="276646" y="2823610"/>
                    <a:pt x="224357" y="2823610"/>
                  </a:cubicBezTo>
                  <a:cubicBezTo>
                    <a:pt x="172068" y="2823610"/>
                    <a:pt x="139235" y="2801114"/>
                    <a:pt x="125859" y="2756121"/>
                  </a:cubicBezTo>
                  <a:cubicBezTo>
                    <a:pt x="112482" y="2711128"/>
                    <a:pt x="83906" y="2672823"/>
                    <a:pt x="40129" y="2641206"/>
                  </a:cubicBezTo>
                  <a:cubicBezTo>
                    <a:pt x="13376" y="2621750"/>
                    <a:pt x="0" y="2596822"/>
                    <a:pt x="0" y="2566421"/>
                  </a:cubicBezTo>
                  <a:cubicBezTo>
                    <a:pt x="0" y="2536020"/>
                    <a:pt x="27361" y="2469747"/>
                    <a:pt x="82082" y="2367601"/>
                  </a:cubicBezTo>
                  <a:cubicBezTo>
                    <a:pt x="136803" y="2265455"/>
                    <a:pt x="212805" y="2197357"/>
                    <a:pt x="310087" y="2163309"/>
                  </a:cubicBezTo>
                  <a:cubicBezTo>
                    <a:pt x="351431" y="2104939"/>
                    <a:pt x="404937" y="2062378"/>
                    <a:pt x="470602" y="2035626"/>
                  </a:cubicBezTo>
                  <a:cubicBezTo>
                    <a:pt x="482762" y="2004009"/>
                    <a:pt x="501003" y="1949288"/>
                    <a:pt x="525323" y="1871463"/>
                  </a:cubicBezTo>
                  <a:cubicBezTo>
                    <a:pt x="393992" y="1951720"/>
                    <a:pt x="295494" y="1991849"/>
                    <a:pt x="229829" y="1991849"/>
                  </a:cubicBezTo>
                  <a:cubicBezTo>
                    <a:pt x="127683" y="1991849"/>
                    <a:pt x="76610" y="1938344"/>
                    <a:pt x="76610" y="1831334"/>
                  </a:cubicBezTo>
                  <a:cubicBezTo>
                    <a:pt x="76610" y="1758372"/>
                    <a:pt x="101538" y="1668386"/>
                    <a:pt x="151395" y="1561376"/>
                  </a:cubicBezTo>
                  <a:cubicBezTo>
                    <a:pt x="201252" y="1454366"/>
                    <a:pt x="240165" y="1360732"/>
                    <a:pt x="268134" y="1280475"/>
                  </a:cubicBezTo>
                  <a:cubicBezTo>
                    <a:pt x="296102" y="1200217"/>
                    <a:pt x="313127" y="1160088"/>
                    <a:pt x="319207" y="1160088"/>
                  </a:cubicBezTo>
                  <a:cubicBezTo>
                    <a:pt x="325287" y="1160088"/>
                    <a:pt x="328327" y="1164952"/>
                    <a:pt x="328327" y="1174680"/>
                  </a:cubicBezTo>
                  <a:cubicBezTo>
                    <a:pt x="328327" y="1189273"/>
                    <a:pt x="309478" y="1248250"/>
                    <a:pt x="271782" y="1351612"/>
                  </a:cubicBezTo>
                  <a:cubicBezTo>
                    <a:pt x="234085" y="1454974"/>
                    <a:pt x="195780" y="1571104"/>
                    <a:pt x="156867" y="1700003"/>
                  </a:cubicBezTo>
                  <a:cubicBezTo>
                    <a:pt x="195780" y="1700003"/>
                    <a:pt x="234085" y="1692707"/>
                    <a:pt x="271782" y="1678115"/>
                  </a:cubicBezTo>
                  <a:cubicBezTo>
                    <a:pt x="309478" y="1663522"/>
                    <a:pt x="366632" y="1631298"/>
                    <a:pt x="443242" y="1581441"/>
                  </a:cubicBezTo>
                  <a:cubicBezTo>
                    <a:pt x="519851" y="1531584"/>
                    <a:pt x="563020" y="1501183"/>
                    <a:pt x="572748" y="1490239"/>
                  </a:cubicBezTo>
                  <a:cubicBezTo>
                    <a:pt x="582476" y="1479295"/>
                    <a:pt x="587340" y="1471998"/>
                    <a:pt x="587340" y="1468350"/>
                  </a:cubicBezTo>
                  <a:cubicBezTo>
                    <a:pt x="587340" y="1464702"/>
                    <a:pt x="584908" y="1461662"/>
                    <a:pt x="580044" y="1459230"/>
                  </a:cubicBezTo>
                  <a:cubicBezTo>
                    <a:pt x="492491" y="1432478"/>
                    <a:pt x="435337" y="1406941"/>
                    <a:pt x="408585" y="1382621"/>
                  </a:cubicBezTo>
                  <a:cubicBezTo>
                    <a:pt x="381832" y="1358300"/>
                    <a:pt x="368456" y="1315739"/>
                    <a:pt x="368456" y="1254938"/>
                  </a:cubicBezTo>
                  <a:cubicBezTo>
                    <a:pt x="368456" y="1194137"/>
                    <a:pt x="377576" y="1155832"/>
                    <a:pt x="395817" y="1140024"/>
                  </a:cubicBezTo>
                  <a:cubicBezTo>
                    <a:pt x="414057" y="1124215"/>
                    <a:pt x="445066" y="1111447"/>
                    <a:pt x="488842" y="1101719"/>
                  </a:cubicBezTo>
                  <a:cubicBezTo>
                    <a:pt x="532619" y="1091991"/>
                    <a:pt x="573964" y="1077398"/>
                    <a:pt x="612877" y="1057942"/>
                  </a:cubicBezTo>
                  <a:cubicBezTo>
                    <a:pt x="651790" y="1038486"/>
                    <a:pt x="671246" y="1024501"/>
                    <a:pt x="671246" y="1015989"/>
                  </a:cubicBezTo>
                  <a:cubicBezTo>
                    <a:pt x="671246" y="1007477"/>
                    <a:pt x="668206" y="1000789"/>
                    <a:pt x="662126" y="995925"/>
                  </a:cubicBezTo>
                  <a:cubicBezTo>
                    <a:pt x="656046" y="991061"/>
                    <a:pt x="628685" y="985588"/>
                    <a:pt x="580044" y="979508"/>
                  </a:cubicBezTo>
                  <a:cubicBezTo>
                    <a:pt x="531403" y="973428"/>
                    <a:pt x="492491" y="970388"/>
                    <a:pt x="463306" y="970388"/>
                  </a:cubicBezTo>
                  <a:cubicBezTo>
                    <a:pt x="434121" y="970388"/>
                    <a:pt x="414057" y="972820"/>
                    <a:pt x="403113" y="977684"/>
                  </a:cubicBezTo>
                  <a:cubicBezTo>
                    <a:pt x="392168" y="982548"/>
                    <a:pt x="381832" y="984980"/>
                    <a:pt x="372104" y="984980"/>
                  </a:cubicBezTo>
                  <a:cubicBezTo>
                    <a:pt x="345351" y="984980"/>
                    <a:pt x="331975" y="965524"/>
                    <a:pt x="331975" y="926611"/>
                  </a:cubicBezTo>
                  <a:cubicBezTo>
                    <a:pt x="331975" y="822033"/>
                    <a:pt x="378184" y="757584"/>
                    <a:pt x="470602" y="733263"/>
                  </a:cubicBezTo>
                  <a:cubicBezTo>
                    <a:pt x="536267" y="716239"/>
                    <a:pt x="633550" y="673678"/>
                    <a:pt x="762448" y="605581"/>
                  </a:cubicBezTo>
                  <a:cubicBezTo>
                    <a:pt x="762448" y="552075"/>
                    <a:pt x="755152" y="503435"/>
                    <a:pt x="740559" y="459658"/>
                  </a:cubicBezTo>
                  <a:cubicBezTo>
                    <a:pt x="711375" y="374536"/>
                    <a:pt x="696783" y="296102"/>
                    <a:pt x="696783" y="224357"/>
                  </a:cubicBezTo>
                  <a:cubicBezTo>
                    <a:pt x="696783" y="152611"/>
                    <a:pt x="705903" y="97282"/>
                    <a:pt x="724143" y="58369"/>
                  </a:cubicBezTo>
                  <a:cubicBezTo>
                    <a:pt x="742384" y="19456"/>
                    <a:pt x="770960" y="0"/>
                    <a:pt x="809873" y="0"/>
                  </a:cubicBezTo>
                  <a:close/>
                  <a:moveTo>
                    <a:pt x="773392" y="229829"/>
                  </a:moveTo>
                  <a:cubicBezTo>
                    <a:pt x="753936" y="297926"/>
                    <a:pt x="749072" y="366024"/>
                    <a:pt x="758800" y="434121"/>
                  </a:cubicBezTo>
                  <a:cubicBezTo>
                    <a:pt x="783120" y="421961"/>
                    <a:pt x="795281" y="384872"/>
                    <a:pt x="795281" y="322855"/>
                  </a:cubicBezTo>
                  <a:cubicBezTo>
                    <a:pt x="795281" y="260838"/>
                    <a:pt x="787984" y="229829"/>
                    <a:pt x="773392" y="229829"/>
                  </a:cubicBezTo>
                  <a:close/>
                  <a:moveTo>
                    <a:pt x="1112663" y="1276826"/>
                  </a:moveTo>
                  <a:cubicBezTo>
                    <a:pt x="1088342" y="1284123"/>
                    <a:pt x="1056726" y="1327900"/>
                    <a:pt x="1017813" y="1408157"/>
                  </a:cubicBezTo>
                  <a:cubicBezTo>
                    <a:pt x="1032405" y="1410589"/>
                    <a:pt x="1051862" y="1411805"/>
                    <a:pt x="1076182" y="1411805"/>
                  </a:cubicBezTo>
                  <a:cubicBezTo>
                    <a:pt x="1100503" y="1411805"/>
                    <a:pt x="1136984" y="1404509"/>
                    <a:pt x="1185625" y="1389917"/>
                  </a:cubicBezTo>
                  <a:cubicBezTo>
                    <a:pt x="1171032" y="1331548"/>
                    <a:pt x="1146712" y="1293851"/>
                    <a:pt x="1112663" y="1276826"/>
                  </a:cubicBezTo>
                  <a:close/>
                  <a:moveTo>
                    <a:pt x="321031" y="2269103"/>
                  </a:moveTo>
                  <a:cubicBezTo>
                    <a:pt x="294278" y="2269103"/>
                    <a:pt x="263270" y="2298287"/>
                    <a:pt x="228005" y="2356657"/>
                  </a:cubicBezTo>
                  <a:cubicBezTo>
                    <a:pt x="192740" y="2415026"/>
                    <a:pt x="175108" y="2460019"/>
                    <a:pt x="175108" y="2491635"/>
                  </a:cubicBezTo>
                  <a:cubicBezTo>
                    <a:pt x="175108" y="2547573"/>
                    <a:pt x="190916" y="2575541"/>
                    <a:pt x="222533" y="2575541"/>
                  </a:cubicBezTo>
                  <a:cubicBezTo>
                    <a:pt x="237125" y="2575541"/>
                    <a:pt x="255365" y="2558517"/>
                    <a:pt x="277254" y="2524468"/>
                  </a:cubicBezTo>
                  <a:cubicBezTo>
                    <a:pt x="299142" y="2490419"/>
                    <a:pt x="330759" y="2417458"/>
                    <a:pt x="372104" y="2305584"/>
                  </a:cubicBezTo>
                  <a:cubicBezTo>
                    <a:pt x="364808" y="2281263"/>
                    <a:pt x="347783" y="2269103"/>
                    <a:pt x="321031" y="226910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57" name="任意多边形 56"/>
            <p:cNvSpPr/>
            <p:nvPr/>
          </p:nvSpPr>
          <p:spPr>
            <a:xfrm>
              <a:off x="-1855351" y="1514052"/>
              <a:ext cx="1798501" cy="2695927"/>
            </a:xfrm>
            <a:custGeom>
              <a:avLst/>
              <a:gdLst/>
              <a:ahLst/>
              <a:cxnLst/>
              <a:rect l="l" t="t" r="r" b="b"/>
              <a:pathLst>
                <a:path w="1798501" h="2695927">
                  <a:moveTo>
                    <a:pt x="1311483" y="0"/>
                  </a:moveTo>
                  <a:cubicBezTo>
                    <a:pt x="1368636" y="0"/>
                    <a:pt x="1431869" y="28576"/>
                    <a:pt x="1501183" y="85730"/>
                  </a:cubicBezTo>
                  <a:cubicBezTo>
                    <a:pt x="1570496" y="142883"/>
                    <a:pt x="1605153" y="215236"/>
                    <a:pt x="1605153" y="302790"/>
                  </a:cubicBezTo>
                  <a:cubicBezTo>
                    <a:pt x="1605153" y="373319"/>
                    <a:pt x="1582048" y="416489"/>
                    <a:pt x="1535840" y="432297"/>
                  </a:cubicBezTo>
                  <a:cubicBezTo>
                    <a:pt x="1489630" y="448105"/>
                    <a:pt x="1454366" y="468777"/>
                    <a:pt x="1430045" y="494314"/>
                  </a:cubicBezTo>
                  <a:cubicBezTo>
                    <a:pt x="1405725" y="519851"/>
                    <a:pt x="1377756" y="561803"/>
                    <a:pt x="1346140" y="620173"/>
                  </a:cubicBezTo>
                  <a:cubicBezTo>
                    <a:pt x="1363164" y="625037"/>
                    <a:pt x="1390525" y="621997"/>
                    <a:pt x="1428221" y="611053"/>
                  </a:cubicBezTo>
                  <a:cubicBezTo>
                    <a:pt x="1465918" y="600108"/>
                    <a:pt x="1499359" y="585516"/>
                    <a:pt x="1528543" y="567276"/>
                  </a:cubicBezTo>
                  <a:cubicBezTo>
                    <a:pt x="1557728" y="549035"/>
                    <a:pt x="1593601" y="539915"/>
                    <a:pt x="1636161" y="539915"/>
                  </a:cubicBezTo>
                  <a:cubicBezTo>
                    <a:pt x="1678723" y="539915"/>
                    <a:pt x="1716419" y="555115"/>
                    <a:pt x="1749252" y="585516"/>
                  </a:cubicBezTo>
                  <a:cubicBezTo>
                    <a:pt x="1782085" y="615917"/>
                    <a:pt x="1798501" y="654829"/>
                    <a:pt x="1798501" y="702254"/>
                  </a:cubicBezTo>
                  <a:cubicBezTo>
                    <a:pt x="1798501" y="749679"/>
                    <a:pt x="1774180" y="789200"/>
                    <a:pt x="1725539" y="820817"/>
                  </a:cubicBezTo>
                  <a:cubicBezTo>
                    <a:pt x="1703651" y="925395"/>
                    <a:pt x="1682979" y="977684"/>
                    <a:pt x="1663522" y="977684"/>
                  </a:cubicBezTo>
                  <a:cubicBezTo>
                    <a:pt x="1658658" y="977684"/>
                    <a:pt x="1656226" y="974036"/>
                    <a:pt x="1656226" y="966740"/>
                  </a:cubicBezTo>
                  <a:cubicBezTo>
                    <a:pt x="1656226" y="959444"/>
                    <a:pt x="1660482" y="947283"/>
                    <a:pt x="1668994" y="930259"/>
                  </a:cubicBezTo>
                  <a:cubicBezTo>
                    <a:pt x="1677506" y="913235"/>
                    <a:pt x="1679330" y="886482"/>
                    <a:pt x="1674466" y="850001"/>
                  </a:cubicBezTo>
                  <a:cubicBezTo>
                    <a:pt x="1623393" y="869458"/>
                    <a:pt x="1565024" y="920531"/>
                    <a:pt x="1499359" y="1003221"/>
                  </a:cubicBezTo>
                  <a:cubicBezTo>
                    <a:pt x="1550432" y="1034837"/>
                    <a:pt x="1588129" y="1060374"/>
                    <a:pt x="1612449" y="1079830"/>
                  </a:cubicBezTo>
                  <a:cubicBezTo>
                    <a:pt x="1627041" y="1055510"/>
                    <a:pt x="1636770" y="1043349"/>
                    <a:pt x="1641634" y="1043349"/>
                  </a:cubicBezTo>
                  <a:cubicBezTo>
                    <a:pt x="1646498" y="1043349"/>
                    <a:pt x="1648930" y="1048214"/>
                    <a:pt x="1648930" y="1057942"/>
                  </a:cubicBezTo>
                  <a:cubicBezTo>
                    <a:pt x="1648930" y="1067670"/>
                    <a:pt x="1646498" y="1082262"/>
                    <a:pt x="1641634" y="1101719"/>
                  </a:cubicBezTo>
                  <a:cubicBezTo>
                    <a:pt x="1648930" y="1150360"/>
                    <a:pt x="1636770" y="1196569"/>
                    <a:pt x="1605153" y="1240345"/>
                  </a:cubicBezTo>
                  <a:cubicBezTo>
                    <a:pt x="1595425" y="1252506"/>
                    <a:pt x="1583264" y="1286554"/>
                    <a:pt x="1568672" y="1342492"/>
                  </a:cubicBezTo>
                  <a:cubicBezTo>
                    <a:pt x="1554080" y="1398429"/>
                    <a:pt x="1544352" y="1450718"/>
                    <a:pt x="1539487" y="1499359"/>
                  </a:cubicBezTo>
                  <a:cubicBezTo>
                    <a:pt x="1549216" y="1516383"/>
                    <a:pt x="1554080" y="1543136"/>
                    <a:pt x="1554080" y="1579616"/>
                  </a:cubicBezTo>
                  <a:cubicBezTo>
                    <a:pt x="1554080" y="1616097"/>
                    <a:pt x="1530367" y="1692707"/>
                    <a:pt x="1482942" y="1809445"/>
                  </a:cubicBezTo>
                  <a:cubicBezTo>
                    <a:pt x="1435517" y="1926183"/>
                    <a:pt x="1389917" y="2063594"/>
                    <a:pt x="1346140" y="2221678"/>
                  </a:cubicBezTo>
                  <a:cubicBezTo>
                    <a:pt x="1302363" y="2379761"/>
                    <a:pt x="1273178" y="2509875"/>
                    <a:pt x="1258586" y="2612022"/>
                  </a:cubicBezTo>
                  <a:cubicBezTo>
                    <a:pt x="1251290" y="2667959"/>
                    <a:pt x="1228185" y="2695927"/>
                    <a:pt x="1189272" y="2695927"/>
                  </a:cubicBezTo>
                  <a:cubicBezTo>
                    <a:pt x="1150360" y="2695927"/>
                    <a:pt x="1098071" y="2655799"/>
                    <a:pt x="1032405" y="2575541"/>
                  </a:cubicBezTo>
                  <a:cubicBezTo>
                    <a:pt x="966740" y="2495283"/>
                    <a:pt x="933907" y="2436914"/>
                    <a:pt x="933907" y="2400433"/>
                  </a:cubicBezTo>
                  <a:cubicBezTo>
                    <a:pt x="933907" y="2363952"/>
                    <a:pt x="941811" y="2328688"/>
                    <a:pt x="957620" y="2294639"/>
                  </a:cubicBezTo>
                  <a:cubicBezTo>
                    <a:pt x="973428" y="2260590"/>
                    <a:pt x="986804" y="2207693"/>
                    <a:pt x="997748" y="2135948"/>
                  </a:cubicBezTo>
                  <a:cubicBezTo>
                    <a:pt x="1008693" y="2064202"/>
                    <a:pt x="1011733" y="1993065"/>
                    <a:pt x="1006869" y="1922535"/>
                  </a:cubicBezTo>
                  <a:cubicBezTo>
                    <a:pt x="909587" y="1988201"/>
                    <a:pt x="840273" y="2036842"/>
                    <a:pt x="798928" y="2068459"/>
                  </a:cubicBezTo>
                  <a:cubicBezTo>
                    <a:pt x="757583" y="2100075"/>
                    <a:pt x="722319" y="2115884"/>
                    <a:pt x="693134" y="2115884"/>
                  </a:cubicBezTo>
                  <a:cubicBezTo>
                    <a:pt x="627469" y="2115884"/>
                    <a:pt x="594636" y="2056298"/>
                    <a:pt x="594636" y="1937128"/>
                  </a:cubicBezTo>
                  <a:cubicBezTo>
                    <a:pt x="594636" y="1893351"/>
                    <a:pt x="606188" y="1855654"/>
                    <a:pt x="629293" y="1824037"/>
                  </a:cubicBezTo>
                  <a:cubicBezTo>
                    <a:pt x="652397" y="1792421"/>
                    <a:pt x="677934" y="1774180"/>
                    <a:pt x="705902" y="1769316"/>
                  </a:cubicBezTo>
                  <a:cubicBezTo>
                    <a:pt x="733871" y="1764452"/>
                    <a:pt x="764272" y="1749252"/>
                    <a:pt x="797104" y="1723715"/>
                  </a:cubicBezTo>
                  <a:cubicBezTo>
                    <a:pt x="829937" y="1698179"/>
                    <a:pt x="878578" y="1651970"/>
                    <a:pt x="943027" y="1585088"/>
                  </a:cubicBezTo>
                  <a:cubicBezTo>
                    <a:pt x="1007477" y="1518207"/>
                    <a:pt x="1043957" y="1478078"/>
                    <a:pt x="1052470" y="1464702"/>
                  </a:cubicBezTo>
                  <a:cubicBezTo>
                    <a:pt x="1060982" y="1451326"/>
                    <a:pt x="1065238" y="1440382"/>
                    <a:pt x="1065238" y="1431869"/>
                  </a:cubicBezTo>
                  <a:cubicBezTo>
                    <a:pt x="1065238" y="1423357"/>
                    <a:pt x="1060374" y="1419101"/>
                    <a:pt x="1050645" y="1419101"/>
                  </a:cubicBezTo>
                  <a:cubicBezTo>
                    <a:pt x="1040917" y="1419101"/>
                    <a:pt x="1022069" y="1428829"/>
                    <a:pt x="994100" y="1448286"/>
                  </a:cubicBezTo>
                  <a:cubicBezTo>
                    <a:pt x="966132" y="1467742"/>
                    <a:pt x="943635" y="1480510"/>
                    <a:pt x="926611" y="1486590"/>
                  </a:cubicBezTo>
                  <a:cubicBezTo>
                    <a:pt x="909587" y="1492671"/>
                    <a:pt x="888306" y="1495711"/>
                    <a:pt x="862770" y="1495711"/>
                  </a:cubicBezTo>
                  <a:cubicBezTo>
                    <a:pt x="837233" y="1495711"/>
                    <a:pt x="817169" y="1483550"/>
                    <a:pt x="802576" y="1459230"/>
                  </a:cubicBezTo>
                  <a:cubicBezTo>
                    <a:pt x="787984" y="1434909"/>
                    <a:pt x="774608" y="1382620"/>
                    <a:pt x="762448" y="1302363"/>
                  </a:cubicBezTo>
                  <a:cubicBezTo>
                    <a:pt x="631117" y="1416669"/>
                    <a:pt x="490058" y="1554080"/>
                    <a:pt x="339271" y="1714595"/>
                  </a:cubicBezTo>
                  <a:cubicBezTo>
                    <a:pt x="271173" y="1789989"/>
                    <a:pt x="199428" y="1827685"/>
                    <a:pt x="124034" y="1827685"/>
                  </a:cubicBezTo>
                  <a:cubicBezTo>
                    <a:pt x="89986" y="1827685"/>
                    <a:pt x="60801" y="1821605"/>
                    <a:pt x="36481" y="1809445"/>
                  </a:cubicBezTo>
                  <a:cubicBezTo>
                    <a:pt x="12160" y="1797285"/>
                    <a:pt x="0" y="1782084"/>
                    <a:pt x="0" y="1763844"/>
                  </a:cubicBezTo>
                  <a:cubicBezTo>
                    <a:pt x="0" y="1745604"/>
                    <a:pt x="7296" y="1729795"/>
                    <a:pt x="21888" y="1716419"/>
                  </a:cubicBezTo>
                  <a:cubicBezTo>
                    <a:pt x="36481" y="1703043"/>
                    <a:pt x="57761" y="1693315"/>
                    <a:pt x="85730" y="1687235"/>
                  </a:cubicBezTo>
                  <a:cubicBezTo>
                    <a:pt x="113698" y="1681154"/>
                    <a:pt x="161123" y="1645282"/>
                    <a:pt x="228005" y="1579616"/>
                  </a:cubicBezTo>
                  <a:cubicBezTo>
                    <a:pt x="294886" y="1513951"/>
                    <a:pt x="369671" y="1425181"/>
                    <a:pt x="452361" y="1313307"/>
                  </a:cubicBezTo>
                  <a:lnTo>
                    <a:pt x="1065238" y="466953"/>
                  </a:lnTo>
                  <a:cubicBezTo>
                    <a:pt x="1181976" y="308870"/>
                    <a:pt x="1244602" y="223748"/>
                    <a:pt x="1253114" y="211588"/>
                  </a:cubicBezTo>
                  <a:cubicBezTo>
                    <a:pt x="1261626" y="199428"/>
                    <a:pt x="1265882" y="183620"/>
                    <a:pt x="1265882" y="164163"/>
                  </a:cubicBezTo>
                  <a:cubicBezTo>
                    <a:pt x="1265882" y="144707"/>
                    <a:pt x="1259194" y="124034"/>
                    <a:pt x="1245818" y="102146"/>
                  </a:cubicBezTo>
                  <a:cubicBezTo>
                    <a:pt x="1232441" y="80258"/>
                    <a:pt x="1225753" y="64449"/>
                    <a:pt x="1225753" y="54721"/>
                  </a:cubicBezTo>
                  <a:cubicBezTo>
                    <a:pt x="1225753" y="18240"/>
                    <a:pt x="1254330" y="0"/>
                    <a:pt x="1311483" y="0"/>
                  </a:cubicBezTo>
                  <a:close/>
                  <a:moveTo>
                    <a:pt x="1207513" y="766096"/>
                  </a:moveTo>
                  <a:cubicBezTo>
                    <a:pt x="1027541" y="972820"/>
                    <a:pt x="931475" y="1085910"/>
                    <a:pt x="919315" y="1105367"/>
                  </a:cubicBezTo>
                  <a:cubicBezTo>
                    <a:pt x="919315" y="1122391"/>
                    <a:pt x="925395" y="1130903"/>
                    <a:pt x="937555" y="1130903"/>
                  </a:cubicBezTo>
                  <a:cubicBezTo>
                    <a:pt x="949716" y="1130903"/>
                    <a:pt x="966740" y="1121175"/>
                    <a:pt x="988628" y="1101719"/>
                  </a:cubicBezTo>
                  <a:cubicBezTo>
                    <a:pt x="1010517" y="1082262"/>
                    <a:pt x="1068278" y="1039093"/>
                    <a:pt x="1161912" y="972212"/>
                  </a:cubicBezTo>
                  <a:cubicBezTo>
                    <a:pt x="1255546" y="905331"/>
                    <a:pt x="1305403" y="869458"/>
                    <a:pt x="1311483" y="864594"/>
                  </a:cubicBezTo>
                  <a:cubicBezTo>
                    <a:pt x="1317563" y="859730"/>
                    <a:pt x="1320603" y="852434"/>
                    <a:pt x="1320603" y="842705"/>
                  </a:cubicBezTo>
                  <a:cubicBezTo>
                    <a:pt x="1320603" y="811089"/>
                    <a:pt x="1282906" y="785552"/>
                    <a:pt x="1207513" y="766096"/>
                  </a:cubicBezTo>
                  <a:close/>
                  <a:moveTo>
                    <a:pt x="1528543" y="1295067"/>
                  </a:moveTo>
                  <a:cubicBezTo>
                    <a:pt x="1445854" y="1346140"/>
                    <a:pt x="1404509" y="1392348"/>
                    <a:pt x="1404509" y="1433693"/>
                  </a:cubicBezTo>
                  <a:cubicBezTo>
                    <a:pt x="1404509" y="1460446"/>
                    <a:pt x="1432477" y="1478686"/>
                    <a:pt x="1488415" y="1488415"/>
                  </a:cubicBezTo>
                  <a:cubicBezTo>
                    <a:pt x="1520031" y="1400861"/>
                    <a:pt x="1535840" y="1347964"/>
                    <a:pt x="1535840" y="1329723"/>
                  </a:cubicBezTo>
                  <a:cubicBezTo>
                    <a:pt x="1535840" y="1311483"/>
                    <a:pt x="1533407" y="1299931"/>
                    <a:pt x="1528543" y="1295067"/>
                  </a:cubicBezTo>
                  <a:close/>
                  <a:moveTo>
                    <a:pt x="1362556" y="1718243"/>
                  </a:moveTo>
                  <a:cubicBezTo>
                    <a:pt x="1349180" y="1718243"/>
                    <a:pt x="1325467" y="1729187"/>
                    <a:pt x="1291419" y="1751076"/>
                  </a:cubicBezTo>
                  <a:cubicBezTo>
                    <a:pt x="1208729" y="1967528"/>
                    <a:pt x="1167384" y="2124396"/>
                    <a:pt x="1167384" y="2221678"/>
                  </a:cubicBezTo>
                  <a:cubicBezTo>
                    <a:pt x="1167384" y="2233838"/>
                    <a:pt x="1172248" y="2239918"/>
                    <a:pt x="1181976" y="2239918"/>
                  </a:cubicBezTo>
                  <a:cubicBezTo>
                    <a:pt x="1191704" y="2239918"/>
                    <a:pt x="1201433" y="2230190"/>
                    <a:pt x="1211161" y="2210733"/>
                  </a:cubicBezTo>
                  <a:lnTo>
                    <a:pt x="1273178" y="2061162"/>
                  </a:lnTo>
                  <a:cubicBezTo>
                    <a:pt x="1307227" y="1978472"/>
                    <a:pt x="1344924" y="1867814"/>
                    <a:pt x="1386268" y="1729187"/>
                  </a:cubicBezTo>
                  <a:cubicBezTo>
                    <a:pt x="1383836" y="1721891"/>
                    <a:pt x="1375932" y="1718243"/>
                    <a:pt x="1362556" y="171824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</p:grpSp>
      <p:sp>
        <p:nvSpPr>
          <p:cNvPr id="53" name="矩形 52"/>
          <p:cNvSpPr/>
          <p:nvPr/>
        </p:nvSpPr>
        <p:spPr>
          <a:xfrm>
            <a:off x="4876800" y="2239963"/>
            <a:ext cx="3908425" cy="2901950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27652" name="Group 3"/>
          <p:cNvGrpSpPr>
            <a:grpSpLocks/>
          </p:cNvGrpSpPr>
          <p:nvPr/>
        </p:nvGrpSpPr>
        <p:grpSpPr bwMode="auto">
          <a:xfrm>
            <a:off x="539750" y="2239963"/>
            <a:ext cx="3813175" cy="2901950"/>
            <a:chOff x="549" y="1727"/>
            <a:chExt cx="2557" cy="1771"/>
          </a:xfrm>
        </p:grpSpPr>
        <p:sp>
          <p:nvSpPr>
            <p:cNvPr id="24" name="Rectangle 4"/>
            <p:cNvSpPr>
              <a:spLocks noChangeArrowheads="1"/>
            </p:cNvSpPr>
            <p:nvPr/>
          </p:nvSpPr>
          <p:spPr bwMode="auto">
            <a:xfrm>
              <a:off x="549" y="1727"/>
              <a:ext cx="1279" cy="885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accent6"/>
              </a:solidFill>
              <a:miter lim="800000"/>
              <a:headEnd/>
              <a:tailEnd/>
            </a:ln>
            <a:effectLst/>
            <a:extLst/>
          </p:spPr>
          <p:txBody>
            <a:bodyPr wrap="none" anchor="ctr"/>
            <a:lstStyle>
              <a:lvl1pPr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25" name="Rectangle 5"/>
            <p:cNvSpPr>
              <a:spLocks noChangeArrowheads="1"/>
            </p:cNvSpPr>
            <p:nvPr/>
          </p:nvSpPr>
          <p:spPr bwMode="auto">
            <a:xfrm>
              <a:off x="549" y="2613"/>
              <a:ext cx="1279" cy="885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accent6"/>
              </a:solidFill>
              <a:miter lim="800000"/>
              <a:headEnd/>
              <a:tailEnd/>
            </a:ln>
            <a:effectLst/>
            <a:extLst/>
          </p:spPr>
          <p:txBody>
            <a:bodyPr wrap="none" anchor="ctr"/>
            <a:lstStyle>
              <a:lvl1pPr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26" name="Rectangle 6"/>
            <p:cNvSpPr>
              <a:spLocks noChangeArrowheads="1"/>
            </p:cNvSpPr>
            <p:nvPr/>
          </p:nvSpPr>
          <p:spPr bwMode="auto">
            <a:xfrm>
              <a:off x="1828" y="2613"/>
              <a:ext cx="1278" cy="885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accent6"/>
              </a:solidFill>
              <a:miter lim="800000"/>
              <a:headEnd/>
              <a:tailEnd/>
            </a:ln>
            <a:effectLst/>
            <a:extLst/>
          </p:spPr>
          <p:txBody>
            <a:bodyPr wrap="none" anchor="ctr"/>
            <a:lstStyle>
              <a:lvl1pPr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27" name="Rectangle 7"/>
            <p:cNvSpPr>
              <a:spLocks noChangeArrowheads="1"/>
            </p:cNvSpPr>
            <p:nvPr/>
          </p:nvSpPr>
          <p:spPr bwMode="auto">
            <a:xfrm>
              <a:off x="1828" y="1727"/>
              <a:ext cx="1278" cy="885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accent6"/>
              </a:solidFill>
              <a:miter lim="800000"/>
              <a:headEnd/>
              <a:tailEnd/>
            </a:ln>
            <a:effectLst/>
            <a:extLst/>
          </p:spPr>
          <p:txBody>
            <a:bodyPr wrap="none" anchor="ctr"/>
            <a:lstStyle>
              <a:lvl1pPr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27676" name="Group 8"/>
            <p:cNvGrpSpPr>
              <a:grpSpLocks/>
            </p:cNvGrpSpPr>
            <p:nvPr/>
          </p:nvGrpSpPr>
          <p:grpSpPr bwMode="auto">
            <a:xfrm>
              <a:off x="1629" y="1991"/>
              <a:ext cx="435" cy="358"/>
              <a:chOff x="2287" y="1899"/>
              <a:chExt cx="435" cy="358"/>
            </a:xfrm>
          </p:grpSpPr>
          <p:sp>
            <p:nvSpPr>
              <p:cNvPr id="38" name="Oval 9"/>
              <p:cNvSpPr>
                <a:spLocks noChangeArrowheads="1"/>
              </p:cNvSpPr>
              <p:nvPr/>
            </p:nvSpPr>
            <p:spPr bwMode="auto">
              <a:xfrm>
                <a:off x="2287" y="1928"/>
                <a:ext cx="393" cy="300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accent6"/>
                </a:solidFill>
                <a:round/>
                <a:headEnd/>
                <a:tailEnd/>
              </a:ln>
              <a:effectLst/>
              <a:extLst/>
            </p:spPr>
            <p:txBody>
              <a:bodyPr wrap="none" anchor="ctr"/>
              <a:lstStyle>
                <a:lvl1pPr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1pPr>
                <a:lvl2pPr marL="742950" indent="-28575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2pPr>
                <a:lvl3pPr marL="11430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3pPr>
                <a:lvl4pPr marL="16002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4pPr>
                <a:lvl5pPr marL="20574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9pPr>
              </a:lstStyle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27687" name="Rectangle 10"/>
              <p:cNvSpPr>
                <a:spLocks noChangeArrowheads="1"/>
              </p:cNvSpPr>
              <p:nvPr/>
            </p:nvSpPr>
            <p:spPr bwMode="auto">
              <a:xfrm>
                <a:off x="2493" y="1899"/>
                <a:ext cx="229" cy="358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zh-CN" altLang="en-US" sz="1300" b="1">
                  <a:solidFill>
                    <a:srgbClr val="000000"/>
                  </a:solidFill>
                </a:endParaRPr>
              </a:p>
            </p:txBody>
          </p:sp>
        </p:grpSp>
        <p:grpSp>
          <p:nvGrpSpPr>
            <p:cNvPr id="27677" name="Group 11"/>
            <p:cNvGrpSpPr>
              <a:grpSpLocks/>
            </p:cNvGrpSpPr>
            <p:nvPr/>
          </p:nvGrpSpPr>
          <p:grpSpPr bwMode="auto">
            <a:xfrm>
              <a:off x="1599" y="2877"/>
              <a:ext cx="423" cy="358"/>
              <a:chOff x="2257" y="2785"/>
              <a:chExt cx="423" cy="358"/>
            </a:xfrm>
          </p:grpSpPr>
          <p:sp>
            <p:nvSpPr>
              <p:cNvPr id="36" name="Oval 12"/>
              <p:cNvSpPr>
                <a:spLocks noChangeArrowheads="1"/>
              </p:cNvSpPr>
              <p:nvPr/>
            </p:nvSpPr>
            <p:spPr bwMode="auto">
              <a:xfrm flipH="1">
                <a:off x="2286" y="2814"/>
                <a:ext cx="394" cy="300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accent6"/>
                </a:solidFill>
                <a:round/>
                <a:headEnd/>
                <a:tailEnd/>
              </a:ln>
              <a:effectLst/>
              <a:extLst/>
            </p:spPr>
            <p:txBody>
              <a:bodyPr wrap="none" anchor="ctr"/>
              <a:lstStyle>
                <a:lvl1pPr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1pPr>
                <a:lvl2pPr marL="742950" indent="-28575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2pPr>
                <a:lvl3pPr marL="11430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3pPr>
                <a:lvl4pPr marL="16002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4pPr>
                <a:lvl5pPr marL="20574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9pPr>
              </a:lstStyle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27685" name="Rectangle 13"/>
              <p:cNvSpPr>
                <a:spLocks noChangeArrowheads="1"/>
              </p:cNvSpPr>
              <p:nvPr/>
            </p:nvSpPr>
            <p:spPr bwMode="auto">
              <a:xfrm flipH="1">
                <a:off x="2257" y="2785"/>
                <a:ext cx="229" cy="358"/>
              </a:xfrm>
              <a:prstGeom prst="rect">
                <a:avLst/>
              </a:prstGeom>
              <a:solidFill>
                <a:schemeClr val="bg1"/>
              </a:solidFill>
              <a:ln w="12700">
                <a:noFill/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zh-CN" altLang="en-US" sz="1300" b="1">
                  <a:solidFill>
                    <a:srgbClr val="000000"/>
                  </a:solidFill>
                </a:endParaRPr>
              </a:p>
            </p:txBody>
          </p:sp>
        </p:grpSp>
        <p:grpSp>
          <p:nvGrpSpPr>
            <p:cNvPr id="27678" name="Group 14"/>
            <p:cNvGrpSpPr>
              <a:grpSpLocks/>
            </p:cNvGrpSpPr>
            <p:nvPr/>
          </p:nvGrpSpPr>
          <p:grpSpPr bwMode="auto">
            <a:xfrm>
              <a:off x="2288" y="2416"/>
              <a:ext cx="358" cy="432"/>
              <a:chOff x="2288" y="2416"/>
              <a:chExt cx="358" cy="432"/>
            </a:xfrm>
          </p:grpSpPr>
          <p:sp>
            <p:nvSpPr>
              <p:cNvPr id="34" name="Oval 15"/>
              <p:cNvSpPr>
                <a:spLocks noChangeArrowheads="1"/>
              </p:cNvSpPr>
              <p:nvPr/>
            </p:nvSpPr>
            <p:spPr bwMode="auto">
              <a:xfrm rot="16200000" flipH="1">
                <a:off x="2271" y="2462"/>
                <a:ext cx="393" cy="300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accent6"/>
                </a:solidFill>
                <a:round/>
                <a:headEnd/>
                <a:tailEnd/>
              </a:ln>
              <a:effectLst/>
              <a:extLst/>
            </p:spPr>
            <p:txBody>
              <a:bodyPr wrap="none" anchor="ctr"/>
              <a:lstStyle>
                <a:lvl1pPr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1pPr>
                <a:lvl2pPr marL="742950" indent="-28575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2pPr>
                <a:lvl3pPr marL="11430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3pPr>
                <a:lvl4pPr marL="16002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4pPr>
                <a:lvl5pPr marL="20574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9pPr>
              </a:lstStyle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27683" name="Rectangle 16"/>
              <p:cNvSpPr>
                <a:spLocks noChangeArrowheads="1"/>
              </p:cNvSpPr>
              <p:nvPr/>
            </p:nvSpPr>
            <p:spPr bwMode="auto">
              <a:xfrm rot="16200000" flipH="1">
                <a:off x="2352" y="2555"/>
                <a:ext cx="229" cy="358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zh-CN" altLang="en-US" sz="1300" b="1">
                  <a:solidFill>
                    <a:srgbClr val="000000"/>
                  </a:solidFill>
                </a:endParaRPr>
              </a:p>
            </p:txBody>
          </p:sp>
        </p:grpSp>
        <p:grpSp>
          <p:nvGrpSpPr>
            <p:cNvPr id="27679" name="Group 17"/>
            <p:cNvGrpSpPr>
              <a:grpSpLocks/>
            </p:cNvGrpSpPr>
            <p:nvPr/>
          </p:nvGrpSpPr>
          <p:grpSpPr bwMode="auto">
            <a:xfrm>
              <a:off x="1009" y="2383"/>
              <a:ext cx="358" cy="426"/>
              <a:chOff x="1009" y="2383"/>
              <a:chExt cx="358" cy="426"/>
            </a:xfrm>
          </p:grpSpPr>
          <p:sp>
            <p:nvSpPr>
              <p:cNvPr id="32" name="Oval 18"/>
              <p:cNvSpPr>
                <a:spLocks noChangeArrowheads="1"/>
              </p:cNvSpPr>
              <p:nvPr/>
            </p:nvSpPr>
            <p:spPr bwMode="auto">
              <a:xfrm rot="5400000" flipH="1" flipV="1">
                <a:off x="991" y="2462"/>
                <a:ext cx="393" cy="300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accent6"/>
                </a:solidFill>
                <a:round/>
                <a:headEnd/>
                <a:tailEnd/>
              </a:ln>
              <a:effectLst/>
              <a:extLst/>
            </p:spPr>
            <p:txBody>
              <a:bodyPr wrap="none" anchor="ctr"/>
              <a:lstStyle>
                <a:lvl1pPr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1pPr>
                <a:lvl2pPr marL="742950" indent="-28575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2pPr>
                <a:lvl3pPr marL="11430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3pPr>
                <a:lvl4pPr marL="16002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4pPr>
                <a:lvl5pPr marL="2057400" indent="-228600"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300" b="1">
                    <a:solidFill>
                      <a:srgbClr val="000000"/>
                    </a:solidFill>
                    <a:latin typeface="Arial" panose="020B0604020202020204" pitchFamily="34" charset="0"/>
                    <a:ea typeface="宋体" panose="02010600030101010101" pitchFamily="2" charset="-122"/>
                  </a:defRPr>
                </a:lvl9pPr>
              </a:lstStyle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27681" name="Rectangle 19"/>
              <p:cNvSpPr>
                <a:spLocks noChangeArrowheads="1"/>
              </p:cNvSpPr>
              <p:nvPr/>
            </p:nvSpPr>
            <p:spPr bwMode="auto">
              <a:xfrm rot="16200000" flipH="1">
                <a:off x="1073" y="2319"/>
                <a:ext cx="229" cy="358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zh-CN" altLang="en-US" sz="1300" b="1">
                  <a:solidFill>
                    <a:srgbClr val="000000"/>
                  </a:solidFill>
                </a:endParaRPr>
              </a:p>
            </p:txBody>
          </p:sp>
        </p:grpSp>
      </p:grpSp>
      <p:sp>
        <p:nvSpPr>
          <p:cNvPr id="27653" name="矩形 3"/>
          <p:cNvSpPr>
            <a:spLocks noChangeArrowheads="1"/>
          </p:cNvSpPr>
          <p:nvPr/>
        </p:nvSpPr>
        <p:spPr bwMode="auto">
          <a:xfrm>
            <a:off x="1474788" y="1373188"/>
            <a:ext cx="1925637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zh-CN" altLang="en-US" sz="2800">
                <a:latin typeface="Microsoft YaHei UI"/>
                <a:ea typeface="微软雅黑" pitchFamily="34" charset="-122"/>
              </a:rPr>
              <a:t>军训原则</a:t>
            </a:r>
            <a:endParaRPr lang="en-US" altLang="zh-CN" sz="2800">
              <a:latin typeface="Microsoft YaHei UI"/>
              <a:ea typeface="微软雅黑" pitchFamily="34" charset="-122"/>
            </a:endParaRPr>
          </a:p>
        </p:txBody>
      </p:sp>
      <p:sp>
        <p:nvSpPr>
          <p:cNvPr id="27654" name="矩形 4"/>
          <p:cNvSpPr>
            <a:spLocks noChangeArrowheads="1"/>
          </p:cNvSpPr>
          <p:nvPr/>
        </p:nvSpPr>
        <p:spPr bwMode="auto">
          <a:xfrm>
            <a:off x="6016625" y="1423988"/>
            <a:ext cx="1924050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着力打造</a:t>
            </a:r>
          </a:p>
        </p:txBody>
      </p:sp>
      <p:sp>
        <p:nvSpPr>
          <p:cNvPr id="27655" name="矩形 18"/>
          <p:cNvSpPr>
            <a:spLocks noChangeArrowheads="1"/>
          </p:cNvSpPr>
          <p:nvPr/>
        </p:nvSpPr>
        <p:spPr bwMode="auto">
          <a:xfrm>
            <a:off x="2998788" y="4100513"/>
            <a:ext cx="903287" cy="5222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优质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sp>
        <p:nvSpPr>
          <p:cNvPr id="27656" name="矩形 19"/>
          <p:cNvSpPr>
            <a:spLocks noChangeArrowheads="1"/>
          </p:cNvSpPr>
          <p:nvPr/>
        </p:nvSpPr>
        <p:spPr bwMode="auto">
          <a:xfrm>
            <a:off x="1092200" y="4094163"/>
            <a:ext cx="901700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有序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sp>
        <p:nvSpPr>
          <p:cNvPr id="27657" name="矩形 20"/>
          <p:cNvSpPr>
            <a:spLocks noChangeArrowheads="1"/>
          </p:cNvSpPr>
          <p:nvPr/>
        </p:nvSpPr>
        <p:spPr bwMode="auto">
          <a:xfrm>
            <a:off x="1049338" y="2719388"/>
            <a:ext cx="901700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规范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sp>
        <p:nvSpPr>
          <p:cNvPr id="27658" name="矩形 21"/>
          <p:cNvSpPr>
            <a:spLocks noChangeArrowheads="1"/>
          </p:cNvSpPr>
          <p:nvPr/>
        </p:nvSpPr>
        <p:spPr bwMode="auto">
          <a:xfrm>
            <a:off x="2954338" y="2732088"/>
            <a:ext cx="903287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安全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grpSp>
        <p:nvGrpSpPr>
          <p:cNvPr id="27659" name="Group 17"/>
          <p:cNvGrpSpPr>
            <a:grpSpLocks/>
          </p:cNvGrpSpPr>
          <p:nvPr/>
        </p:nvGrpSpPr>
        <p:grpSpPr bwMode="auto">
          <a:xfrm rot="10800000">
            <a:off x="5273675" y="2349500"/>
            <a:ext cx="3013075" cy="2635250"/>
            <a:chOff x="1257" y="732"/>
            <a:chExt cx="3773" cy="3138"/>
          </a:xfrm>
        </p:grpSpPr>
        <p:sp>
          <p:nvSpPr>
            <p:cNvPr id="41" name="Oval 2"/>
            <p:cNvSpPr>
              <a:spLocks noChangeArrowheads="1"/>
            </p:cNvSpPr>
            <p:nvPr/>
          </p:nvSpPr>
          <p:spPr bwMode="blackWhite">
            <a:xfrm>
              <a:off x="1257" y="732"/>
              <a:ext cx="2008" cy="1785"/>
            </a:xfrm>
            <a:prstGeom prst="ellipse">
              <a:avLst/>
            </a:prstGeom>
            <a:noFill/>
            <a:ln w="12700">
              <a:solidFill>
                <a:srgbClr val="324E68"/>
              </a:solidFill>
              <a:round/>
              <a:headEnd/>
              <a:tailEnd/>
            </a:ln>
            <a:effectLst/>
            <a:extLst/>
          </p:spPr>
          <p:txBody>
            <a:bodyPr wrap="none" lIns="97740" tIns="48870" rIns="97740" bIns="4887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2" name="Oval 3"/>
            <p:cNvSpPr>
              <a:spLocks noChangeArrowheads="1"/>
            </p:cNvSpPr>
            <p:nvPr/>
          </p:nvSpPr>
          <p:spPr bwMode="blackWhite">
            <a:xfrm>
              <a:off x="3024" y="732"/>
              <a:ext cx="2008" cy="1785"/>
            </a:xfrm>
            <a:prstGeom prst="ellipse">
              <a:avLst/>
            </a:prstGeom>
            <a:noFill/>
            <a:ln w="12700">
              <a:solidFill>
                <a:srgbClr val="324E68"/>
              </a:solidFill>
              <a:round/>
              <a:headEnd/>
              <a:tailEnd/>
            </a:ln>
            <a:effectLst/>
            <a:extLst/>
          </p:spPr>
          <p:txBody>
            <a:bodyPr wrap="none" lIns="97740" tIns="48870" rIns="97740" bIns="4887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3" name="Oval 4"/>
            <p:cNvSpPr>
              <a:spLocks noChangeArrowheads="1"/>
            </p:cNvSpPr>
            <p:nvPr/>
          </p:nvSpPr>
          <p:spPr bwMode="blackWhite">
            <a:xfrm>
              <a:off x="2142" y="2085"/>
              <a:ext cx="2006" cy="1785"/>
            </a:xfrm>
            <a:prstGeom prst="ellipse">
              <a:avLst/>
            </a:prstGeom>
            <a:noFill/>
            <a:ln w="12700">
              <a:solidFill>
                <a:srgbClr val="324E68"/>
              </a:solidFill>
              <a:round/>
              <a:headEnd/>
              <a:tailEnd/>
            </a:ln>
            <a:effectLst/>
            <a:extLst/>
          </p:spPr>
          <p:txBody>
            <a:bodyPr wrap="none" lIns="97740" tIns="48870" rIns="97740" bIns="4887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4" name="Oval 5"/>
            <p:cNvSpPr>
              <a:spLocks noChangeArrowheads="1"/>
            </p:cNvSpPr>
            <p:nvPr/>
          </p:nvSpPr>
          <p:spPr bwMode="blackWhite">
            <a:xfrm>
              <a:off x="2142" y="2085"/>
              <a:ext cx="2006" cy="1785"/>
            </a:xfrm>
            <a:prstGeom prst="ellipse">
              <a:avLst/>
            </a:prstGeom>
            <a:solidFill>
              <a:srgbClr val="FFFFFF"/>
            </a:solidFill>
            <a:ln w="12700">
              <a:solidFill>
                <a:schemeClr val="accent6"/>
              </a:solidFill>
              <a:round/>
              <a:headEnd/>
              <a:tailEnd/>
            </a:ln>
            <a:effectLst/>
            <a:extLst/>
          </p:spPr>
          <p:txBody>
            <a:bodyPr wrap="none" lIns="0" tIns="0" rIns="0" bIns="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5" name="Oval 6"/>
            <p:cNvSpPr>
              <a:spLocks noChangeArrowheads="1"/>
            </p:cNvSpPr>
            <p:nvPr/>
          </p:nvSpPr>
          <p:spPr bwMode="blackWhite">
            <a:xfrm>
              <a:off x="1257" y="732"/>
              <a:ext cx="2008" cy="1785"/>
            </a:xfrm>
            <a:prstGeom prst="ellipse">
              <a:avLst/>
            </a:prstGeom>
            <a:solidFill>
              <a:srgbClr val="FFFFFF"/>
            </a:solidFill>
            <a:ln w="12700">
              <a:solidFill>
                <a:schemeClr val="accent6"/>
              </a:solidFill>
              <a:round/>
              <a:headEnd/>
              <a:tailEnd/>
            </a:ln>
            <a:effectLst/>
            <a:extLst/>
          </p:spPr>
          <p:txBody>
            <a:bodyPr wrap="none" lIns="0" tIns="0" rIns="0" bIns="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6" name="Oval 7"/>
            <p:cNvSpPr>
              <a:spLocks noChangeArrowheads="1"/>
            </p:cNvSpPr>
            <p:nvPr/>
          </p:nvSpPr>
          <p:spPr bwMode="blackWhite">
            <a:xfrm>
              <a:off x="3024" y="732"/>
              <a:ext cx="2008" cy="1785"/>
            </a:xfrm>
            <a:prstGeom prst="ellipse">
              <a:avLst/>
            </a:prstGeom>
            <a:solidFill>
              <a:srgbClr val="FFFFFF"/>
            </a:solidFill>
            <a:ln w="12700">
              <a:solidFill>
                <a:schemeClr val="accent6"/>
              </a:solidFill>
              <a:round/>
              <a:headEnd/>
              <a:tailEnd/>
            </a:ln>
            <a:effectLst/>
            <a:extLst/>
          </p:spPr>
          <p:txBody>
            <a:bodyPr wrap="none" lIns="0" tIns="0" rIns="0" bIns="0" anchor="ctr"/>
            <a:lstStyle>
              <a:lvl1pPr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1pPr>
              <a:lvl2pPr marL="742950" indent="-28575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2pPr>
              <a:lvl3pPr marL="11430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3pPr>
              <a:lvl4pPr marL="16002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4pPr>
              <a:lvl5pPr marL="2057400" indent="-228600" defTabSz="977900"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5pPr>
              <a:lvl6pPr marL="25146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6pPr>
              <a:lvl7pPr marL="29718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7pPr>
              <a:lvl8pPr marL="34290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8pPr>
              <a:lvl9pPr marL="3886200" indent="-228600" defTabSz="977900" eaLnBrk="0" fontAlgn="base" hangingPunct="0">
                <a:spcBef>
                  <a:spcPct val="0"/>
                </a:spcBef>
                <a:spcAft>
                  <a:spcPct val="0"/>
                </a:spcAft>
                <a:defRPr sz="1300" b="1">
                  <a:solidFill>
                    <a:srgbClr val="000000"/>
                  </a:solidFill>
                  <a:latin typeface="Arial" panose="020B0604020202020204" pitchFamily="34" charset="0"/>
                  <a:ea typeface="宋体" panose="02010600030101010101" pitchFamily="2" charset="-122"/>
                </a:defRPr>
              </a:lvl9pPr>
            </a:lstStyle>
            <a:p>
              <a:pPr algn="ctr" eaLnBrk="0" hangingPunct="0">
                <a:defRPr/>
              </a:pPr>
              <a:endParaRPr lang="zh-CN" altLang="en-US" sz="1700" b="0" kern="0"/>
            </a:p>
          </p:txBody>
        </p:sp>
        <p:sp>
          <p:nvSpPr>
            <p:cNvPr id="47" name="Freeform 11"/>
            <p:cNvSpPr>
              <a:spLocks/>
            </p:cNvSpPr>
            <p:nvPr/>
          </p:nvSpPr>
          <p:spPr bwMode="blackGray">
            <a:xfrm>
              <a:off x="3018" y="1201"/>
              <a:ext cx="246" cy="851"/>
            </a:xfrm>
            <a:custGeom>
              <a:avLst/>
              <a:gdLst>
                <a:gd name="T0" fmla="*/ 166 w 222"/>
                <a:gd name="T1" fmla="*/ 0 h 834"/>
                <a:gd name="T2" fmla="*/ 132 w 222"/>
                <a:gd name="T3" fmla="*/ 46 h 834"/>
                <a:gd name="T4" fmla="*/ 109 w 222"/>
                <a:gd name="T5" fmla="*/ 86 h 834"/>
                <a:gd name="T6" fmla="*/ 75 w 222"/>
                <a:gd name="T7" fmla="*/ 145 h 834"/>
                <a:gd name="T8" fmla="*/ 49 w 222"/>
                <a:gd name="T9" fmla="*/ 201 h 834"/>
                <a:gd name="T10" fmla="*/ 31 w 222"/>
                <a:gd name="T11" fmla="*/ 263 h 834"/>
                <a:gd name="T12" fmla="*/ 17 w 222"/>
                <a:gd name="T13" fmla="*/ 320 h 834"/>
                <a:gd name="T14" fmla="*/ 3 w 222"/>
                <a:gd name="T15" fmla="*/ 390 h 834"/>
                <a:gd name="T16" fmla="*/ 0 w 222"/>
                <a:gd name="T17" fmla="*/ 459 h 834"/>
                <a:gd name="T18" fmla="*/ 12 w 222"/>
                <a:gd name="T19" fmla="*/ 552 h 834"/>
                <a:gd name="T20" fmla="*/ 23 w 222"/>
                <a:gd name="T21" fmla="*/ 609 h 834"/>
                <a:gd name="T22" fmla="*/ 54 w 222"/>
                <a:gd name="T23" fmla="*/ 708 h 834"/>
                <a:gd name="T24" fmla="*/ 94 w 222"/>
                <a:gd name="T25" fmla="*/ 789 h 834"/>
                <a:gd name="T26" fmla="*/ 126 w 222"/>
                <a:gd name="T27" fmla="*/ 841 h 834"/>
                <a:gd name="T28" fmla="*/ 169 w 222"/>
                <a:gd name="T29" fmla="*/ 904 h 834"/>
                <a:gd name="T30" fmla="*/ 223 w 222"/>
                <a:gd name="T31" fmla="*/ 830 h 834"/>
                <a:gd name="T32" fmla="*/ 275 w 222"/>
                <a:gd name="T33" fmla="*/ 724 h 834"/>
                <a:gd name="T34" fmla="*/ 307 w 222"/>
                <a:gd name="T35" fmla="*/ 632 h 834"/>
                <a:gd name="T36" fmla="*/ 326 w 222"/>
                <a:gd name="T37" fmla="*/ 517 h 834"/>
                <a:gd name="T38" fmla="*/ 329 w 222"/>
                <a:gd name="T39" fmla="*/ 426 h 834"/>
                <a:gd name="T40" fmla="*/ 326 w 222"/>
                <a:gd name="T41" fmla="*/ 363 h 834"/>
                <a:gd name="T42" fmla="*/ 307 w 222"/>
                <a:gd name="T43" fmla="*/ 271 h 834"/>
                <a:gd name="T44" fmla="*/ 275 w 222"/>
                <a:gd name="T45" fmla="*/ 184 h 834"/>
                <a:gd name="T46" fmla="*/ 245 w 222"/>
                <a:gd name="T47" fmla="*/ 123 h 834"/>
                <a:gd name="T48" fmla="*/ 204 w 222"/>
                <a:gd name="T49" fmla="*/ 49 h 834"/>
                <a:gd name="T50" fmla="*/ 166 w 222"/>
                <a:gd name="T51" fmla="*/ 0 h 834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222" h="834">
                  <a:moveTo>
                    <a:pt x="111" y="0"/>
                  </a:moveTo>
                  <a:lnTo>
                    <a:pt x="90" y="42"/>
                  </a:lnTo>
                  <a:lnTo>
                    <a:pt x="74" y="78"/>
                  </a:lnTo>
                  <a:lnTo>
                    <a:pt x="51" y="133"/>
                  </a:lnTo>
                  <a:lnTo>
                    <a:pt x="33" y="185"/>
                  </a:lnTo>
                  <a:lnTo>
                    <a:pt x="21" y="243"/>
                  </a:lnTo>
                  <a:lnTo>
                    <a:pt x="12" y="296"/>
                  </a:lnTo>
                  <a:lnTo>
                    <a:pt x="3" y="360"/>
                  </a:lnTo>
                  <a:lnTo>
                    <a:pt x="0" y="423"/>
                  </a:lnTo>
                  <a:lnTo>
                    <a:pt x="8" y="509"/>
                  </a:lnTo>
                  <a:lnTo>
                    <a:pt x="15" y="562"/>
                  </a:lnTo>
                  <a:lnTo>
                    <a:pt x="36" y="653"/>
                  </a:lnTo>
                  <a:lnTo>
                    <a:pt x="63" y="728"/>
                  </a:lnTo>
                  <a:lnTo>
                    <a:pt x="84" y="776"/>
                  </a:lnTo>
                  <a:lnTo>
                    <a:pt x="114" y="834"/>
                  </a:lnTo>
                  <a:lnTo>
                    <a:pt x="150" y="765"/>
                  </a:lnTo>
                  <a:lnTo>
                    <a:pt x="186" y="668"/>
                  </a:lnTo>
                  <a:lnTo>
                    <a:pt x="207" y="583"/>
                  </a:lnTo>
                  <a:lnTo>
                    <a:pt x="219" y="477"/>
                  </a:lnTo>
                  <a:lnTo>
                    <a:pt x="222" y="393"/>
                  </a:lnTo>
                  <a:lnTo>
                    <a:pt x="219" y="335"/>
                  </a:lnTo>
                  <a:lnTo>
                    <a:pt x="207" y="251"/>
                  </a:lnTo>
                  <a:lnTo>
                    <a:pt x="186" y="169"/>
                  </a:lnTo>
                  <a:lnTo>
                    <a:pt x="165" y="115"/>
                  </a:lnTo>
                  <a:lnTo>
                    <a:pt x="138" y="45"/>
                  </a:lnTo>
                  <a:lnTo>
                    <a:pt x="111" y="0"/>
                  </a:lnTo>
                  <a:close/>
                </a:path>
              </a:pathLst>
            </a:custGeom>
            <a:solidFill>
              <a:schemeClr val="accent6"/>
            </a:solidFill>
            <a:ln w="12700" cap="rnd" cmpd="sng">
              <a:solidFill>
                <a:srgbClr val="324E68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/>
            <a:lstStyle/>
            <a:p>
              <a:pPr eaLnBrk="0" hangingPunct="0">
                <a:defRPr/>
              </a:pPr>
              <a:endParaRPr lang="zh-CN" altLang="en-US" sz="1300" b="1" kern="0">
                <a:solidFill>
                  <a:srgbClr val="000000"/>
                </a:solidFill>
                <a:latin typeface="Arial" panose="020B0604020202020204" pitchFamily="34" charset="0"/>
                <a:ea typeface="宋体" panose="02010600030101010101" pitchFamily="2" charset="-122"/>
              </a:endParaRPr>
            </a:p>
          </p:txBody>
        </p:sp>
        <p:sp>
          <p:nvSpPr>
            <p:cNvPr id="48" name="Freeform 12"/>
            <p:cNvSpPr>
              <a:spLocks/>
            </p:cNvSpPr>
            <p:nvPr/>
          </p:nvSpPr>
          <p:spPr bwMode="blackGray">
            <a:xfrm>
              <a:off x="3169" y="2085"/>
              <a:ext cx="839" cy="433"/>
            </a:xfrm>
            <a:custGeom>
              <a:avLst/>
              <a:gdLst>
                <a:gd name="T0" fmla="*/ 0 w 760"/>
                <a:gd name="T1" fmla="*/ 0 h 423"/>
                <a:gd name="T2" fmla="*/ 77 w 760"/>
                <a:gd name="T3" fmla="*/ 0 h 423"/>
                <a:gd name="T4" fmla="*/ 176 w 760"/>
                <a:gd name="T5" fmla="*/ 9 h 423"/>
                <a:gd name="T6" fmla="*/ 279 w 760"/>
                <a:gd name="T7" fmla="*/ 28 h 423"/>
                <a:gd name="T8" fmla="*/ 378 w 760"/>
                <a:gd name="T9" fmla="*/ 46 h 423"/>
                <a:gd name="T10" fmla="*/ 471 w 760"/>
                <a:gd name="T11" fmla="*/ 67 h 423"/>
                <a:gd name="T12" fmla="*/ 579 w 760"/>
                <a:gd name="T13" fmla="*/ 101 h 423"/>
                <a:gd name="T14" fmla="*/ 669 w 760"/>
                <a:gd name="T15" fmla="*/ 138 h 423"/>
                <a:gd name="T16" fmla="*/ 780 w 760"/>
                <a:gd name="T17" fmla="*/ 190 h 423"/>
                <a:gd name="T18" fmla="*/ 861 w 760"/>
                <a:gd name="T19" fmla="*/ 239 h 423"/>
                <a:gd name="T20" fmla="*/ 954 w 760"/>
                <a:gd name="T21" fmla="*/ 303 h 423"/>
                <a:gd name="T22" fmla="*/ 1038 w 760"/>
                <a:gd name="T23" fmla="*/ 369 h 423"/>
                <a:gd name="T24" fmla="*/ 1134 w 760"/>
                <a:gd name="T25" fmla="*/ 460 h 423"/>
                <a:gd name="T26" fmla="*/ 1036 w 760"/>
                <a:gd name="T27" fmla="*/ 457 h 423"/>
                <a:gd name="T28" fmla="*/ 910 w 760"/>
                <a:gd name="T29" fmla="*/ 446 h 423"/>
                <a:gd name="T30" fmla="*/ 794 w 760"/>
                <a:gd name="T31" fmla="*/ 428 h 423"/>
                <a:gd name="T32" fmla="*/ 672 w 760"/>
                <a:gd name="T33" fmla="*/ 398 h 423"/>
                <a:gd name="T34" fmla="*/ 592 w 760"/>
                <a:gd name="T35" fmla="*/ 372 h 423"/>
                <a:gd name="T36" fmla="*/ 492 w 760"/>
                <a:gd name="T37" fmla="*/ 339 h 423"/>
                <a:gd name="T38" fmla="*/ 406 w 760"/>
                <a:gd name="T39" fmla="*/ 299 h 423"/>
                <a:gd name="T40" fmla="*/ 321 w 760"/>
                <a:gd name="T41" fmla="*/ 257 h 423"/>
                <a:gd name="T42" fmla="*/ 243 w 760"/>
                <a:gd name="T43" fmla="*/ 208 h 423"/>
                <a:gd name="T44" fmla="*/ 167 w 760"/>
                <a:gd name="T45" fmla="*/ 159 h 423"/>
                <a:gd name="T46" fmla="*/ 117 w 760"/>
                <a:gd name="T47" fmla="*/ 119 h 423"/>
                <a:gd name="T48" fmla="*/ 65 w 760"/>
                <a:gd name="T49" fmla="*/ 70 h 423"/>
                <a:gd name="T50" fmla="*/ 31 w 760"/>
                <a:gd name="T51" fmla="*/ 34 h 423"/>
                <a:gd name="T52" fmla="*/ 0 w 760"/>
                <a:gd name="T53" fmla="*/ 0 h 423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0" t="0" r="r" b="b"/>
              <a:pathLst>
                <a:path w="760" h="423">
                  <a:moveTo>
                    <a:pt x="0" y="0"/>
                  </a:moveTo>
                  <a:lnTo>
                    <a:pt x="52" y="0"/>
                  </a:lnTo>
                  <a:lnTo>
                    <a:pt x="118" y="9"/>
                  </a:lnTo>
                  <a:lnTo>
                    <a:pt x="186" y="24"/>
                  </a:lnTo>
                  <a:lnTo>
                    <a:pt x="253" y="42"/>
                  </a:lnTo>
                  <a:lnTo>
                    <a:pt x="315" y="63"/>
                  </a:lnTo>
                  <a:lnTo>
                    <a:pt x="388" y="93"/>
                  </a:lnTo>
                  <a:lnTo>
                    <a:pt x="448" y="126"/>
                  </a:lnTo>
                  <a:lnTo>
                    <a:pt x="523" y="174"/>
                  </a:lnTo>
                  <a:lnTo>
                    <a:pt x="577" y="219"/>
                  </a:lnTo>
                  <a:lnTo>
                    <a:pt x="640" y="279"/>
                  </a:lnTo>
                  <a:lnTo>
                    <a:pt x="696" y="339"/>
                  </a:lnTo>
                  <a:lnTo>
                    <a:pt x="760" y="423"/>
                  </a:lnTo>
                  <a:lnTo>
                    <a:pt x="694" y="420"/>
                  </a:lnTo>
                  <a:lnTo>
                    <a:pt x="610" y="410"/>
                  </a:lnTo>
                  <a:lnTo>
                    <a:pt x="532" y="393"/>
                  </a:lnTo>
                  <a:lnTo>
                    <a:pt x="451" y="366"/>
                  </a:lnTo>
                  <a:lnTo>
                    <a:pt x="397" y="342"/>
                  </a:lnTo>
                  <a:lnTo>
                    <a:pt x="330" y="311"/>
                  </a:lnTo>
                  <a:lnTo>
                    <a:pt x="271" y="275"/>
                  </a:lnTo>
                  <a:lnTo>
                    <a:pt x="214" y="237"/>
                  </a:lnTo>
                  <a:lnTo>
                    <a:pt x="163" y="192"/>
                  </a:lnTo>
                  <a:lnTo>
                    <a:pt x="112" y="147"/>
                  </a:lnTo>
                  <a:lnTo>
                    <a:pt x="79" y="111"/>
                  </a:lnTo>
                  <a:lnTo>
                    <a:pt x="43" y="66"/>
                  </a:lnTo>
                  <a:lnTo>
                    <a:pt x="21" y="3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6"/>
            </a:solidFill>
            <a:ln w="12700" cap="rnd" cmpd="sng">
              <a:solidFill>
                <a:srgbClr val="324E68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/>
            <a:lstStyle/>
            <a:p>
              <a:pPr eaLnBrk="0" hangingPunct="0">
                <a:defRPr/>
              </a:pPr>
              <a:endParaRPr lang="zh-CN" altLang="en-US" sz="1300" b="1" kern="0">
                <a:solidFill>
                  <a:srgbClr val="000000"/>
                </a:solidFill>
                <a:latin typeface="Arial" panose="020B0604020202020204" pitchFamily="34" charset="0"/>
                <a:ea typeface="宋体" panose="02010600030101010101" pitchFamily="2" charset="-122"/>
              </a:endParaRPr>
            </a:p>
          </p:txBody>
        </p:sp>
        <p:sp>
          <p:nvSpPr>
            <p:cNvPr id="49" name="Freeform 13"/>
            <p:cNvSpPr>
              <a:spLocks/>
            </p:cNvSpPr>
            <p:nvPr/>
          </p:nvSpPr>
          <p:spPr bwMode="blackGray">
            <a:xfrm>
              <a:off x="2291" y="2089"/>
              <a:ext cx="829" cy="429"/>
            </a:xfrm>
            <a:custGeom>
              <a:avLst/>
              <a:gdLst>
                <a:gd name="T0" fmla="*/ 1119 w 750"/>
                <a:gd name="T1" fmla="*/ 0 h 420"/>
                <a:gd name="T2" fmla="*/ 1100 w 750"/>
                <a:gd name="T3" fmla="*/ 23 h 420"/>
                <a:gd name="T4" fmla="*/ 1066 w 750"/>
                <a:gd name="T5" fmla="*/ 58 h 420"/>
                <a:gd name="T6" fmla="*/ 1025 w 750"/>
                <a:gd name="T7" fmla="*/ 98 h 420"/>
                <a:gd name="T8" fmla="*/ 986 w 750"/>
                <a:gd name="T9" fmla="*/ 128 h 420"/>
                <a:gd name="T10" fmla="*/ 953 w 750"/>
                <a:gd name="T11" fmla="*/ 158 h 420"/>
                <a:gd name="T12" fmla="*/ 913 w 750"/>
                <a:gd name="T13" fmla="*/ 180 h 420"/>
                <a:gd name="T14" fmla="*/ 856 w 750"/>
                <a:gd name="T15" fmla="*/ 222 h 420"/>
                <a:gd name="T16" fmla="*/ 802 w 750"/>
                <a:gd name="T17" fmla="*/ 253 h 420"/>
                <a:gd name="T18" fmla="*/ 741 w 750"/>
                <a:gd name="T19" fmla="*/ 284 h 420"/>
                <a:gd name="T20" fmla="*/ 674 w 750"/>
                <a:gd name="T21" fmla="*/ 317 h 420"/>
                <a:gd name="T22" fmla="*/ 611 w 750"/>
                <a:gd name="T23" fmla="*/ 341 h 420"/>
                <a:gd name="T24" fmla="*/ 547 w 750"/>
                <a:gd name="T25" fmla="*/ 363 h 420"/>
                <a:gd name="T26" fmla="*/ 472 w 750"/>
                <a:gd name="T27" fmla="*/ 385 h 420"/>
                <a:gd name="T28" fmla="*/ 399 w 750"/>
                <a:gd name="T29" fmla="*/ 403 h 420"/>
                <a:gd name="T30" fmla="*/ 313 w 750"/>
                <a:gd name="T31" fmla="*/ 423 h 420"/>
                <a:gd name="T32" fmla="*/ 221 w 750"/>
                <a:gd name="T33" fmla="*/ 437 h 420"/>
                <a:gd name="T34" fmla="*/ 139 w 750"/>
                <a:gd name="T35" fmla="*/ 446 h 420"/>
                <a:gd name="T36" fmla="*/ 65 w 750"/>
                <a:gd name="T37" fmla="*/ 451 h 420"/>
                <a:gd name="T38" fmla="*/ 0 w 750"/>
                <a:gd name="T39" fmla="*/ 452 h 420"/>
                <a:gd name="T40" fmla="*/ 31 w 750"/>
                <a:gd name="T41" fmla="*/ 416 h 420"/>
                <a:gd name="T42" fmla="*/ 60 w 750"/>
                <a:gd name="T43" fmla="*/ 385 h 420"/>
                <a:gd name="T44" fmla="*/ 95 w 750"/>
                <a:gd name="T45" fmla="*/ 354 h 420"/>
                <a:gd name="T46" fmla="*/ 139 w 750"/>
                <a:gd name="T47" fmla="*/ 318 h 420"/>
                <a:gd name="T48" fmla="*/ 183 w 750"/>
                <a:gd name="T49" fmla="*/ 283 h 420"/>
                <a:gd name="T50" fmla="*/ 239 w 750"/>
                <a:gd name="T51" fmla="*/ 249 h 420"/>
                <a:gd name="T52" fmla="*/ 293 w 750"/>
                <a:gd name="T53" fmla="*/ 214 h 420"/>
                <a:gd name="T54" fmla="*/ 350 w 750"/>
                <a:gd name="T55" fmla="*/ 180 h 420"/>
                <a:gd name="T56" fmla="*/ 396 w 750"/>
                <a:gd name="T57" fmla="*/ 161 h 420"/>
                <a:gd name="T58" fmla="*/ 449 w 750"/>
                <a:gd name="T59" fmla="*/ 135 h 420"/>
                <a:gd name="T60" fmla="*/ 514 w 750"/>
                <a:gd name="T61" fmla="*/ 112 h 420"/>
                <a:gd name="T62" fmla="*/ 578 w 750"/>
                <a:gd name="T63" fmla="*/ 91 h 420"/>
                <a:gd name="T64" fmla="*/ 640 w 750"/>
                <a:gd name="T65" fmla="*/ 70 h 420"/>
                <a:gd name="T66" fmla="*/ 700 w 750"/>
                <a:gd name="T67" fmla="*/ 55 h 420"/>
                <a:gd name="T68" fmla="*/ 754 w 750"/>
                <a:gd name="T69" fmla="*/ 43 h 420"/>
                <a:gd name="T70" fmla="*/ 811 w 750"/>
                <a:gd name="T71" fmla="*/ 31 h 420"/>
                <a:gd name="T72" fmla="*/ 870 w 750"/>
                <a:gd name="T73" fmla="*/ 18 h 420"/>
                <a:gd name="T74" fmla="*/ 940 w 750"/>
                <a:gd name="T75" fmla="*/ 11 h 420"/>
                <a:gd name="T76" fmla="*/ 1014 w 750"/>
                <a:gd name="T77" fmla="*/ 3 h 420"/>
                <a:gd name="T78" fmla="*/ 1093 w 750"/>
                <a:gd name="T79" fmla="*/ 0 h 420"/>
                <a:gd name="T80" fmla="*/ 1119 w 750"/>
                <a:gd name="T81" fmla="*/ 0 h 420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750" h="420">
                  <a:moveTo>
                    <a:pt x="750" y="0"/>
                  </a:moveTo>
                  <a:lnTo>
                    <a:pt x="736" y="23"/>
                  </a:lnTo>
                  <a:lnTo>
                    <a:pt x="714" y="54"/>
                  </a:lnTo>
                  <a:lnTo>
                    <a:pt x="687" y="90"/>
                  </a:lnTo>
                  <a:lnTo>
                    <a:pt x="660" y="120"/>
                  </a:lnTo>
                  <a:lnTo>
                    <a:pt x="639" y="146"/>
                  </a:lnTo>
                  <a:lnTo>
                    <a:pt x="612" y="168"/>
                  </a:lnTo>
                  <a:lnTo>
                    <a:pt x="573" y="206"/>
                  </a:lnTo>
                  <a:lnTo>
                    <a:pt x="537" y="234"/>
                  </a:lnTo>
                  <a:lnTo>
                    <a:pt x="496" y="264"/>
                  </a:lnTo>
                  <a:lnTo>
                    <a:pt x="451" y="293"/>
                  </a:lnTo>
                  <a:lnTo>
                    <a:pt x="409" y="317"/>
                  </a:lnTo>
                  <a:lnTo>
                    <a:pt x="366" y="336"/>
                  </a:lnTo>
                  <a:lnTo>
                    <a:pt x="316" y="357"/>
                  </a:lnTo>
                  <a:lnTo>
                    <a:pt x="268" y="374"/>
                  </a:lnTo>
                  <a:lnTo>
                    <a:pt x="210" y="392"/>
                  </a:lnTo>
                  <a:lnTo>
                    <a:pt x="148" y="405"/>
                  </a:lnTo>
                  <a:lnTo>
                    <a:pt x="93" y="414"/>
                  </a:lnTo>
                  <a:lnTo>
                    <a:pt x="43" y="419"/>
                  </a:lnTo>
                  <a:lnTo>
                    <a:pt x="0" y="420"/>
                  </a:lnTo>
                  <a:lnTo>
                    <a:pt x="21" y="386"/>
                  </a:lnTo>
                  <a:lnTo>
                    <a:pt x="40" y="357"/>
                  </a:lnTo>
                  <a:lnTo>
                    <a:pt x="64" y="329"/>
                  </a:lnTo>
                  <a:lnTo>
                    <a:pt x="93" y="294"/>
                  </a:lnTo>
                  <a:lnTo>
                    <a:pt x="123" y="263"/>
                  </a:lnTo>
                  <a:lnTo>
                    <a:pt x="159" y="231"/>
                  </a:lnTo>
                  <a:lnTo>
                    <a:pt x="196" y="198"/>
                  </a:lnTo>
                  <a:lnTo>
                    <a:pt x="235" y="168"/>
                  </a:lnTo>
                  <a:lnTo>
                    <a:pt x="265" y="149"/>
                  </a:lnTo>
                  <a:lnTo>
                    <a:pt x="300" y="126"/>
                  </a:lnTo>
                  <a:lnTo>
                    <a:pt x="345" y="104"/>
                  </a:lnTo>
                  <a:lnTo>
                    <a:pt x="387" y="83"/>
                  </a:lnTo>
                  <a:lnTo>
                    <a:pt x="429" y="66"/>
                  </a:lnTo>
                  <a:lnTo>
                    <a:pt x="469" y="51"/>
                  </a:lnTo>
                  <a:lnTo>
                    <a:pt x="505" y="39"/>
                  </a:lnTo>
                  <a:lnTo>
                    <a:pt x="544" y="27"/>
                  </a:lnTo>
                  <a:lnTo>
                    <a:pt x="583" y="18"/>
                  </a:lnTo>
                  <a:lnTo>
                    <a:pt x="630" y="11"/>
                  </a:lnTo>
                  <a:lnTo>
                    <a:pt x="679" y="3"/>
                  </a:lnTo>
                  <a:lnTo>
                    <a:pt x="733" y="0"/>
                  </a:lnTo>
                  <a:lnTo>
                    <a:pt x="750" y="0"/>
                  </a:lnTo>
                  <a:close/>
                </a:path>
              </a:pathLst>
            </a:custGeom>
            <a:solidFill>
              <a:schemeClr val="accent6"/>
            </a:solidFill>
            <a:ln w="12700" cap="rnd" cmpd="sng">
              <a:solidFill>
                <a:srgbClr val="324E68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/>
            <a:lstStyle/>
            <a:p>
              <a:pPr eaLnBrk="0" hangingPunct="0">
                <a:defRPr/>
              </a:pPr>
              <a:endParaRPr lang="zh-CN" altLang="en-US" sz="1300" b="1" kern="0">
                <a:solidFill>
                  <a:srgbClr val="000000"/>
                </a:solidFill>
                <a:latin typeface="Arial" panose="020B0604020202020204" pitchFamily="34" charset="0"/>
                <a:ea typeface="宋体" panose="02010600030101010101" pitchFamily="2" charset="-122"/>
              </a:endParaRPr>
            </a:p>
          </p:txBody>
        </p:sp>
      </p:grpSp>
      <p:sp>
        <p:nvSpPr>
          <p:cNvPr id="27660" name="矩形 49"/>
          <p:cNvSpPr>
            <a:spLocks noChangeArrowheads="1"/>
          </p:cNvSpPr>
          <p:nvPr/>
        </p:nvSpPr>
        <p:spPr bwMode="auto">
          <a:xfrm>
            <a:off x="6310313" y="2600325"/>
            <a:ext cx="903287" cy="954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平安</a:t>
            </a:r>
            <a:endParaRPr lang="en-US" altLang="zh-CN" sz="2800">
              <a:solidFill>
                <a:srgbClr val="000000"/>
              </a:solidFill>
              <a:latin typeface="Microsoft YaHei UI"/>
              <a:ea typeface="微软雅黑" pitchFamily="34" charset="-122"/>
            </a:endParaRPr>
          </a:p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军训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sp>
        <p:nvSpPr>
          <p:cNvPr id="27661" name="矩形 50"/>
          <p:cNvSpPr>
            <a:spLocks noChangeArrowheads="1"/>
          </p:cNvSpPr>
          <p:nvPr/>
        </p:nvSpPr>
        <p:spPr bwMode="auto">
          <a:xfrm>
            <a:off x="5592763" y="3846513"/>
            <a:ext cx="901700" cy="9540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优质</a:t>
            </a:r>
            <a:endParaRPr lang="en-US" altLang="zh-CN" sz="2800">
              <a:solidFill>
                <a:srgbClr val="000000"/>
              </a:solidFill>
              <a:latin typeface="Microsoft YaHei UI"/>
              <a:ea typeface="微软雅黑" pitchFamily="34" charset="-122"/>
            </a:endParaRPr>
          </a:p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军训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  <p:sp>
        <p:nvSpPr>
          <p:cNvPr id="27662" name="矩形 51"/>
          <p:cNvSpPr>
            <a:spLocks noChangeArrowheads="1"/>
          </p:cNvSpPr>
          <p:nvPr/>
        </p:nvSpPr>
        <p:spPr bwMode="auto">
          <a:xfrm>
            <a:off x="7131050" y="3846513"/>
            <a:ext cx="903288" cy="9540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难忘</a:t>
            </a:r>
            <a:endParaRPr lang="en-US" altLang="zh-CN" sz="2800">
              <a:solidFill>
                <a:srgbClr val="000000"/>
              </a:solidFill>
              <a:latin typeface="Microsoft YaHei UI"/>
              <a:ea typeface="微软雅黑" pitchFamily="34" charset="-122"/>
            </a:endParaRPr>
          </a:p>
          <a:p>
            <a:r>
              <a:rPr lang="zh-CN" altLang="en-US" sz="2800">
                <a:solidFill>
                  <a:srgbClr val="000000"/>
                </a:solidFill>
                <a:latin typeface="Microsoft YaHei UI"/>
                <a:ea typeface="微软雅黑" pitchFamily="34" charset="-122"/>
              </a:rPr>
              <a:t>军训</a:t>
            </a:r>
            <a:endParaRPr lang="zh-CN" altLang="en-US">
              <a:latin typeface="Microsoft YaHei UI"/>
              <a:ea typeface="微软雅黑" pitchFamily="34" charset="-122"/>
            </a:endParaRPr>
          </a:p>
        </p:txBody>
      </p:sp>
    </p:spTree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任意多边形 23"/>
          <p:cNvSpPr/>
          <p:nvPr/>
        </p:nvSpPr>
        <p:spPr>
          <a:xfrm>
            <a:off x="4702175" y="2116138"/>
            <a:ext cx="3217863" cy="2808287"/>
          </a:xfrm>
          <a:custGeom>
            <a:avLst/>
            <a:gdLst/>
            <a:ahLst/>
            <a:cxnLst/>
            <a:rect l="l" t="t" r="r" b="b"/>
            <a:pathLst>
              <a:path w="3217602" h="2809018">
                <a:moveTo>
                  <a:pt x="1537663" y="0"/>
                </a:moveTo>
                <a:cubicBezTo>
                  <a:pt x="1614273" y="0"/>
                  <a:pt x="1697570" y="10336"/>
                  <a:pt x="1787557" y="31009"/>
                </a:cubicBezTo>
                <a:cubicBezTo>
                  <a:pt x="1877542" y="51681"/>
                  <a:pt x="1922535" y="102146"/>
                  <a:pt x="1922535" y="182404"/>
                </a:cubicBezTo>
                <a:cubicBezTo>
                  <a:pt x="1922535" y="221316"/>
                  <a:pt x="1899431" y="260837"/>
                  <a:pt x="1853222" y="300966"/>
                </a:cubicBezTo>
                <a:cubicBezTo>
                  <a:pt x="1807012" y="341095"/>
                  <a:pt x="1759587" y="425609"/>
                  <a:pt x="1710947" y="554507"/>
                </a:cubicBezTo>
                <a:cubicBezTo>
                  <a:pt x="1859302" y="488842"/>
                  <a:pt x="1973000" y="441417"/>
                  <a:pt x="2052042" y="412232"/>
                </a:cubicBezTo>
                <a:cubicBezTo>
                  <a:pt x="2131084" y="383048"/>
                  <a:pt x="2188845" y="368455"/>
                  <a:pt x="2225325" y="368455"/>
                </a:cubicBezTo>
                <a:cubicBezTo>
                  <a:pt x="2261806" y="368455"/>
                  <a:pt x="2300111" y="383656"/>
                  <a:pt x="2340240" y="414056"/>
                </a:cubicBezTo>
                <a:cubicBezTo>
                  <a:pt x="2380369" y="444457"/>
                  <a:pt x="2433265" y="474249"/>
                  <a:pt x="2498931" y="503434"/>
                </a:cubicBezTo>
                <a:cubicBezTo>
                  <a:pt x="2564596" y="532619"/>
                  <a:pt x="2609589" y="567884"/>
                  <a:pt x="2633910" y="609228"/>
                </a:cubicBezTo>
                <a:cubicBezTo>
                  <a:pt x="2658231" y="650573"/>
                  <a:pt x="2670390" y="690094"/>
                  <a:pt x="2670390" y="727791"/>
                </a:cubicBezTo>
                <a:cubicBezTo>
                  <a:pt x="2670390" y="765488"/>
                  <a:pt x="2661879" y="789200"/>
                  <a:pt x="2644854" y="798928"/>
                </a:cubicBezTo>
                <a:cubicBezTo>
                  <a:pt x="2579188" y="830545"/>
                  <a:pt x="2543316" y="875538"/>
                  <a:pt x="2537236" y="933907"/>
                </a:cubicBezTo>
                <a:cubicBezTo>
                  <a:pt x="2531155" y="992276"/>
                  <a:pt x="2511091" y="1078006"/>
                  <a:pt x="2477042" y="1191096"/>
                </a:cubicBezTo>
                <a:cubicBezTo>
                  <a:pt x="2442994" y="1304187"/>
                  <a:pt x="2402866" y="1410589"/>
                  <a:pt x="2356656" y="1510303"/>
                </a:cubicBezTo>
                <a:cubicBezTo>
                  <a:pt x="2349360" y="1527327"/>
                  <a:pt x="2345712" y="1543136"/>
                  <a:pt x="2345712" y="1557728"/>
                </a:cubicBezTo>
                <a:cubicBezTo>
                  <a:pt x="2345712" y="1594209"/>
                  <a:pt x="2359089" y="1612449"/>
                  <a:pt x="2385841" y="1612449"/>
                </a:cubicBezTo>
                <a:cubicBezTo>
                  <a:pt x="2412593" y="1612449"/>
                  <a:pt x="2432050" y="1625825"/>
                  <a:pt x="2444210" y="1652578"/>
                </a:cubicBezTo>
                <a:cubicBezTo>
                  <a:pt x="2456370" y="1679330"/>
                  <a:pt x="2462450" y="1708515"/>
                  <a:pt x="2462450" y="1740132"/>
                </a:cubicBezTo>
                <a:cubicBezTo>
                  <a:pt x="2462450" y="1771748"/>
                  <a:pt x="2449682" y="1810661"/>
                  <a:pt x="2424146" y="1856870"/>
                </a:cubicBezTo>
                <a:cubicBezTo>
                  <a:pt x="2398609" y="1903079"/>
                  <a:pt x="2366385" y="1949288"/>
                  <a:pt x="2327471" y="1995497"/>
                </a:cubicBezTo>
                <a:cubicBezTo>
                  <a:pt x="2317743" y="2005225"/>
                  <a:pt x="2312879" y="2016777"/>
                  <a:pt x="2312879" y="2030154"/>
                </a:cubicBezTo>
                <a:cubicBezTo>
                  <a:pt x="2312879" y="2043530"/>
                  <a:pt x="2318351" y="2050218"/>
                  <a:pt x="2329296" y="2050218"/>
                </a:cubicBezTo>
                <a:cubicBezTo>
                  <a:pt x="2340240" y="2050218"/>
                  <a:pt x="2363952" y="2043530"/>
                  <a:pt x="2400433" y="2030154"/>
                </a:cubicBezTo>
                <a:cubicBezTo>
                  <a:pt x="2436914" y="2016777"/>
                  <a:pt x="2457587" y="1998537"/>
                  <a:pt x="2462450" y="1975432"/>
                </a:cubicBezTo>
                <a:cubicBezTo>
                  <a:pt x="2467314" y="1952328"/>
                  <a:pt x="2483123" y="1932872"/>
                  <a:pt x="2509875" y="1917063"/>
                </a:cubicBezTo>
                <a:cubicBezTo>
                  <a:pt x="2536628" y="1901255"/>
                  <a:pt x="2559733" y="1893351"/>
                  <a:pt x="2579188" y="1893351"/>
                </a:cubicBezTo>
                <a:cubicBezTo>
                  <a:pt x="2622965" y="1893351"/>
                  <a:pt x="2657622" y="1915847"/>
                  <a:pt x="2683159" y="1960840"/>
                </a:cubicBezTo>
                <a:cubicBezTo>
                  <a:pt x="2708695" y="2005833"/>
                  <a:pt x="2721464" y="2048394"/>
                  <a:pt x="2721464" y="2088523"/>
                </a:cubicBezTo>
                <a:cubicBezTo>
                  <a:pt x="2721464" y="2128652"/>
                  <a:pt x="2697751" y="2177293"/>
                  <a:pt x="2650326" y="2234446"/>
                </a:cubicBezTo>
                <a:cubicBezTo>
                  <a:pt x="2602901" y="2291599"/>
                  <a:pt x="2569460" y="2320176"/>
                  <a:pt x="2550004" y="2320176"/>
                </a:cubicBezTo>
                <a:cubicBezTo>
                  <a:pt x="2537844" y="2320176"/>
                  <a:pt x="2525683" y="2309839"/>
                  <a:pt x="2513523" y="2289167"/>
                </a:cubicBezTo>
                <a:cubicBezTo>
                  <a:pt x="2501364" y="2268495"/>
                  <a:pt x="2487987" y="2253902"/>
                  <a:pt x="2473394" y="2245390"/>
                </a:cubicBezTo>
                <a:cubicBezTo>
                  <a:pt x="2458802" y="2236878"/>
                  <a:pt x="2441170" y="2232622"/>
                  <a:pt x="2420498" y="2232622"/>
                </a:cubicBezTo>
                <a:cubicBezTo>
                  <a:pt x="2399824" y="2232622"/>
                  <a:pt x="2372464" y="2241742"/>
                  <a:pt x="2338416" y="2259982"/>
                </a:cubicBezTo>
                <a:cubicBezTo>
                  <a:pt x="2304367" y="2278223"/>
                  <a:pt x="2276398" y="2298287"/>
                  <a:pt x="2254510" y="2320176"/>
                </a:cubicBezTo>
                <a:cubicBezTo>
                  <a:pt x="2232622" y="2342064"/>
                  <a:pt x="2215597" y="2356656"/>
                  <a:pt x="2203437" y="2363952"/>
                </a:cubicBezTo>
                <a:cubicBezTo>
                  <a:pt x="2191277" y="2371249"/>
                  <a:pt x="2170604" y="2374897"/>
                  <a:pt x="2141420" y="2374897"/>
                </a:cubicBezTo>
                <a:cubicBezTo>
                  <a:pt x="2112235" y="2374897"/>
                  <a:pt x="2084266" y="2352400"/>
                  <a:pt x="2057514" y="2307407"/>
                </a:cubicBezTo>
                <a:cubicBezTo>
                  <a:pt x="2030761" y="2262414"/>
                  <a:pt x="2017385" y="2208301"/>
                  <a:pt x="2017385" y="2145068"/>
                </a:cubicBezTo>
                <a:cubicBezTo>
                  <a:pt x="2017385" y="2081835"/>
                  <a:pt x="2040489" y="2035626"/>
                  <a:pt x="2086699" y="2006441"/>
                </a:cubicBezTo>
                <a:cubicBezTo>
                  <a:pt x="2132908" y="1977256"/>
                  <a:pt x="2177900" y="1925575"/>
                  <a:pt x="2221677" y="1851398"/>
                </a:cubicBezTo>
                <a:cubicBezTo>
                  <a:pt x="2265454" y="1777220"/>
                  <a:pt x="2292207" y="1702435"/>
                  <a:pt x="2301935" y="1627041"/>
                </a:cubicBezTo>
                <a:cubicBezTo>
                  <a:pt x="2214381" y="1612449"/>
                  <a:pt x="2156012" y="1600897"/>
                  <a:pt x="2126827" y="1592384"/>
                </a:cubicBezTo>
                <a:cubicBezTo>
                  <a:pt x="2097643" y="1583872"/>
                  <a:pt x="2083051" y="1575360"/>
                  <a:pt x="2083051" y="1566848"/>
                </a:cubicBezTo>
                <a:cubicBezTo>
                  <a:pt x="2083051" y="1558336"/>
                  <a:pt x="2085483" y="1550432"/>
                  <a:pt x="2090347" y="1543136"/>
                </a:cubicBezTo>
                <a:cubicBezTo>
                  <a:pt x="2078187" y="1518815"/>
                  <a:pt x="2056298" y="1506655"/>
                  <a:pt x="2024681" y="1506655"/>
                </a:cubicBezTo>
                <a:cubicBezTo>
                  <a:pt x="1993064" y="1506655"/>
                  <a:pt x="1955368" y="1518815"/>
                  <a:pt x="1911591" y="1543136"/>
                </a:cubicBezTo>
                <a:cubicBezTo>
                  <a:pt x="1867814" y="1567456"/>
                  <a:pt x="1838630" y="1597857"/>
                  <a:pt x="1824037" y="1634337"/>
                </a:cubicBezTo>
                <a:cubicBezTo>
                  <a:pt x="1901862" y="1634337"/>
                  <a:pt x="1961448" y="1644674"/>
                  <a:pt x="2002793" y="1665346"/>
                </a:cubicBezTo>
                <a:cubicBezTo>
                  <a:pt x="2044137" y="1686018"/>
                  <a:pt x="2064810" y="1710339"/>
                  <a:pt x="2064810" y="1738307"/>
                </a:cubicBezTo>
                <a:cubicBezTo>
                  <a:pt x="2064810" y="1766276"/>
                  <a:pt x="2057514" y="1791205"/>
                  <a:pt x="2042922" y="1813093"/>
                </a:cubicBezTo>
                <a:cubicBezTo>
                  <a:pt x="1962664" y="1932264"/>
                  <a:pt x="1903079" y="2024073"/>
                  <a:pt x="1864166" y="2088523"/>
                </a:cubicBezTo>
                <a:cubicBezTo>
                  <a:pt x="1825253" y="2152972"/>
                  <a:pt x="1800933" y="2197965"/>
                  <a:pt x="1791205" y="2223502"/>
                </a:cubicBezTo>
                <a:cubicBezTo>
                  <a:pt x="1781476" y="2249038"/>
                  <a:pt x="1776612" y="2276399"/>
                  <a:pt x="1776612" y="2305583"/>
                </a:cubicBezTo>
                <a:cubicBezTo>
                  <a:pt x="1776612" y="2422322"/>
                  <a:pt x="1824646" y="2495283"/>
                  <a:pt x="1920711" y="2524468"/>
                </a:cubicBezTo>
                <a:cubicBezTo>
                  <a:pt x="2016777" y="2553652"/>
                  <a:pt x="2141420" y="2568245"/>
                  <a:pt x="2294639" y="2568245"/>
                </a:cubicBezTo>
                <a:cubicBezTo>
                  <a:pt x="2605941" y="2568245"/>
                  <a:pt x="2800506" y="2529332"/>
                  <a:pt x="2878331" y="2451506"/>
                </a:cubicBezTo>
                <a:cubicBezTo>
                  <a:pt x="2956156" y="2373681"/>
                  <a:pt x="3004798" y="2241134"/>
                  <a:pt x="3024254" y="2053866"/>
                </a:cubicBezTo>
                <a:cubicBezTo>
                  <a:pt x="3029117" y="2005225"/>
                  <a:pt x="3036414" y="1980905"/>
                  <a:pt x="3046143" y="1980905"/>
                </a:cubicBezTo>
                <a:cubicBezTo>
                  <a:pt x="3063167" y="1980905"/>
                  <a:pt x="3095999" y="2070282"/>
                  <a:pt x="3144641" y="2249038"/>
                </a:cubicBezTo>
                <a:cubicBezTo>
                  <a:pt x="3193281" y="2427794"/>
                  <a:pt x="3217602" y="2546964"/>
                  <a:pt x="3217602" y="2606549"/>
                </a:cubicBezTo>
                <a:cubicBezTo>
                  <a:pt x="3217602" y="2666134"/>
                  <a:pt x="3202401" y="2706872"/>
                  <a:pt x="3172001" y="2728760"/>
                </a:cubicBezTo>
                <a:cubicBezTo>
                  <a:pt x="3141601" y="2750648"/>
                  <a:pt x="3033374" y="2769497"/>
                  <a:pt x="2847322" y="2785305"/>
                </a:cubicBezTo>
                <a:cubicBezTo>
                  <a:pt x="2661270" y="2801113"/>
                  <a:pt x="2484338" y="2809018"/>
                  <a:pt x="2316527" y="2809018"/>
                </a:cubicBezTo>
                <a:cubicBezTo>
                  <a:pt x="2148716" y="2809018"/>
                  <a:pt x="2016169" y="2787129"/>
                  <a:pt x="1918887" y="2743352"/>
                </a:cubicBezTo>
                <a:cubicBezTo>
                  <a:pt x="1821605" y="2699575"/>
                  <a:pt x="1741955" y="2644854"/>
                  <a:pt x="1679938" y="2579189"/>
                </a:cubicBezTo>
                <a:cubicBezTo>
                  <a:pt x="1617921" y="2513523"/>
                  <a:pt x="1586912" y="2442994"/>
                  <a:pt x="1586912" y="2367600"/>
                </a:cubicBezTo>
                <a:cubicBezTo>
                  <a:pt x="1586912" y="2292207"/>
                  <a:pt x="1602721" y="2213773"/>
                  <a:pt x="1634337" y="2132300"/>
                </a:cubicBezTo>
                <a:cubicBezTo>
                  <a:pt x="1665954" y="2050826"/>
                  <a:pt x="1697570" y="1989417"/>
                  <a:pt x="1729187" y="1948072"/>
                </a:cubicBezTo>
                <a:cubicBezTo>
                  <a:pt x="1760804" y="1906727"/>
                  <a:pt x="1784517" y="1866598"/>
                  <a:pt x="1800324" y="1827685"/>
                </a:cubicBezTo>
                <a:cubicBezTo>
                  <a:pt x="1816133" y="1788773"/>
                  <a:pt x="1824037" y="1760196"/>
                  <a:pt x="1824037" y="1741956"/>
                </a:cubicBezTo>
                <a:cubicBezTo>
                  <a:pt x="1824037" y="1723715"/>
                  <a:pt x="1816133" y="1714595"/>
                  <a:pt x="1800324" y="1714595"/>
                </a:cubicBezTo>
                <a:cubicBezTo>
                  <a:pt x="1784517" y="1714595"/>
                  <a:pt x="1770532" y="1725539"/>
                  <a:pt x="1758372" y="1747428"/>
                </a:cubicBezTo>
                <a:cubicBezTo>
                  <a:pt x="1714595" y="1825253"/>
                  <a:pt x="1630081" y="1934696"/>
                  <a:pt x="1504831" y="2075755"/>
                </a:cubicBezTo>
                <a:cubicBezTo>
                  <a:pt x="1379580" y="2216813"/>
                  <a:pt x="1256762" y="2342672"/>
                  <a:pt x="1136375" y="2453330"/>
                </a:cubicBezTo>
                <a:cubicBezTo>
                  <a:pt x="1015989" y="2563988"/>
                  <a:pt x="949715" y="2621750"/>
                  <a:pt x="937555" y="2626614"/>
                </a:cubicBezTo>
                <a:cubicBezTo>
                  <a:pt x="925395" y="2631478"/>
                  <a:pt x="915667" y="2633910"/>
                  <a:pt x="908371" y="2633910"/>
                </a:cubicBezTo>
                <a:cubicBezTo>
                  <a:pt x="871890" y="2633910"/>
                  <a:pt x="853650" y="2609589"/>
                  <a:pt x="853650" y="2560948"/>
                </a:cubicBezTo>
                <a:cubicBezTo>
                  <a:pt x="853650" y="2526900"/>
                  <a:pt x="865810" y="2496499"/>
                  <a:pt x="890130" y="2469746"/>
                </a:cubicBezTo>
                <a:cubicBezTo>
                  <a:pt x="1208729" y="2131692"/>
                  <a:pt x="1382620" y="1915239"/>
                  <a:pt x="1411805" y="1820389"/>
                </a:cubicBezTo>
                <a:cubicBezTo>
                  <a:pt x="1309658" y="1876326"/>
                  <a:pt x="1234265" y="1904295"/>
                  <a:pt x="1185624" y="1904295"/>
                </a:cubicBezTo>
                <a:cubicBezTo>
                  <a:pt x="1122391" y="1904295"/>
                  <a:pt x="1073750" y="1850790"/>
                  <a:pt x="1039701" y="1743780"/>
                </a:cubicBezTo>
                <a:cubicBezTo>
                  <a:pt x="930259" y="1763236"/>
                  <a:pt x="820209" y="1816741"/>
                  <a:pt x="709551" y="1904295"/>
                </a:cubicBezTo>
                <a:cubicBezTo>
                  <a:pt x="598892" y="1991849"/>
                  <a:pt x="543563" y="2052650"/>
                  <a:pt x="543563" y="2086699"/>
                </a:cubicBezTo>
                <a:cubicBezTo>
                  <a:pt x="543563" y="2145068"/>
                  <a:pt x="509514" y="2174253"/>
                  <a:pt x="441417" y="2174253"/>
                </a:cubicBezTo>
                <a:cubicBezTo>
                  <a:pt x="373320" y="2174253"/>
                  <a:pt x="318599" y="2142636"/>
                  <a:pt x="277254" y="2079403"/>
                </a:cubicBezTo>
                <a:cubicBezTo>
                  <a:pt x="235909" y="2016169"/>
                  <a:pt x="215236" y="1940776"/>
                  <a:pt x="215236" y="1853222"/>
                </a:cubicBezTo>
                <a:cubicBezTo>
                  <a:pt x="215236" y="1836198"/>
                  <a:pt x="217668" y="1814309"/>
                  <a:pt x="222532" y="1787556"/>
                </a:cubicBezTo>
                <a:cubicBezTo>
                  <a:pt x="227397" y="1760804"/>
                  <a:pt x="243813" y="1730403"/>
                  <a:pt x="271782" y="1696355"/>
                </a:cubicBezTo>
                <a:cubicBezTo>
                  <a:pt x="299750" y="1662306"/>
                  <a:pt x="381832" y="1545568"/>
                  <a:pt x="518026" y="1346140"/>
                </a:cubicBezTo>
                <a:cubicBezTo>
                  <a:pt x="411016" y="1414237"/>
                  <a:pt x="282118" y="1507871"/>
                  <a:pt x="131331" y="1627041"/>
                </a:cubicBezTo>
                <a:cubicBezTo>
                  <a:pt x="121603" y="1634337"/>
                  <a:pt x="113090" y="1637985"/>
                  <a:pt x="105794" y="1637985"/>
                </a:cubicBezTo>
                <a:cubicBezTo>
                  <a:pt x="76609" y="1637985"/>
                  <a:pt x="51681" y="1608801"/>
                  <a:pt x="31008" y="1550432"/>
                </a:cubicBezTo>
                <a:cubicBezTo>
                  <a:pt x="10336" y="1492063"/>
                  <a:pt x="0" y="1433085"/>
                  <a:pt x="0" y="1373500"/>
                </a:cubicBezTo>
                <a:cubicBezTo>
                  <a:pt x="0" y="1313915"/>
                  <a:pt x="11552" y="1273786"/>
                  <a:pt x="34656" y="1253114"/>
                </a:cubicBezTo>
                <a:cubicBezTo>
                  <a:pt x="57761" y="1232441"/>
                  <a:pt x="94850" y="1219673"/>
                  <a:pt x="145923" y="1214809"/>
                </a:cubicBezTo>
                <a:cubicBezTo>
                  <a:pt x="277254" y="1110231"/>
                  <a:pt x="420745" y="958228"/>
                  <a:pt x="576396" y="758800"/>
                </a:cubicBezTo>
                <a:cubicBezTo>
                  <a:pt x="420745" y="581260"/>
                  <a:pt x="342919" y="468169"/>
                  <a:pt x="342919" y="419528"/>
                </a:cubicBezTo>
                <a:cubicBezTo>
                  <a:pt x="342919" y="383048"/>
                  <a:pt x="366631" y="370279"/>
                  <a:pt x="414056" y="381224"/>
                </a:cubicBezTo>
                <a:cubicBezTo>
                  <a:pt x="461481" y="392168"/>
                  <a:pt x="507082" y="397640"/>
                  <a:pt x="550859" y="397640"/>
                </a:cubicBezTo>
                <a:cubicBezTo>
                  <a:pt x="582476" y="397640"/>
                  <a:pt x="637197" y="383656"/>
                  <a:pt x="715023" y="355687"/>
                </a:cubicBezTo>
                <a:cubicBezTo>
                  <a:pt x="792848" y="327718"/>
                  <a:pt x="853650" y="299142"/>
                  <a:pt x="897426" y="269957"/>
                </a:cubicBezTo>
                <a:cubicBezTo>
                  <a:pt x="916883" y="257797"/>
                  <a:pt x="936947" y="251717"/>
                  <a:pt x="957619" y="251717"/>
                </a:cubicBezTo>
                <a:cubicBezTo>
                  <a:pt x="978292" y="251717"/>
                  <a:pt x="1013557" y="274821"/>
                  <a:pt x="1063414" y="321030"/>
                </a:cubicBezTo>
                <a:cubicBezTo>
                  <a:pt x="1113270" y="367239"/>
                  <a:pt x="1138199" y="403112"/>
                  <a:pt x="1138199" y="428649"/>
                </a:cubicBezTo>
                <a:cubicBezTo>
                  <a:pt x="1138199" y="454185"/>
                  <a:pt x="1130903" y="479722"/>
                  <a:pt x="1116310" y="505258"/>
                </a:cubicBezTo>
                <a:cubicBezTo>
                  <a:pt x="1101718" y="530795"/>
                  <a:pt x="1063414" y="578220"/>
                  <a:pt x="1001396" y="647533"/>
                </a:cubicBezTo>
                <a:cubicBezTo>
                  <a:pt x="939379" y="716847"/>
                  <a:pt x="863378" y="791024"/>
                  <a:pt x="773392" y="870066"/>
                </a:cubicBezTo>
                <a:cubicBezTo>
                  <a:pt x="683406" y="949107"/>
                  <a:pt x="567883" y="1042133"/>
                  <a:pt x="426825" y="1149144"/>
                </a:cubicBezTo>
                <a:cubicBezTo>
                  <a:pt x="555724" y="1115095"/>
                  <a:pt x="648141" y="1073750"/>
                  <a:pt x="704079" y="1025109"/>
                </a:cubicBezTo>
                <a:cubicBezTo>
                  <a:pt x="711375" y="1005652"/>
                  <a:pt x="730831" y="989844"/>
                  <a:pt x="762448" y="977684"/>
                </a:cubicBezTo>
                <a:cubicBezTo>
                  <a:pt x="794064" y="965524"/>
                  <a:pt x="820209" y="959444"/>
                  <a:pt x="840881" y="959444"/>
                </a:cubicBezTo>
                <a:cubicBezTo>
                  <a:pt x="861553" y="959444"/>
                  <a:pt x="876754" y="960660"/>
                  <a:pt x="886482" y="963092"/>
                </a:cubicBezTo>
                <a:cubicBezTo>
                  <a:pt x="913235" y="955795"/>
                  <a:pt x="937555" y="952147"/>
                  <a:pt x="959444" y="952147"/>
                </a:cubicBezTo>
                <a:cubicBezTo>
                  <a:pt x="981332" y="952147"/>
                  <a:pt x="1000788" y="969780"/>
                  <a:pt x="1017813" y="1005045"/>
                </a:cubicBezTo>
                <a:cubicBezTo>
                  <a:pt x="1034837" y="1040309"/>
                  <a:pt x="1043349" y="1066454"/>
                  <a:pt x="1043349" y="1083478"/>
                </a:cubicBezTo>
                <a:cubicBezTo>
                  <a:pt x="1043349" y="1144279"/>
                  <a:pt x="967956" y="1211161"/>
                  <a:pt x="817169" y="1284122"/>
                </a:cubicBezTo>
                <a:cubicBezTo>
                  <a:pt x="717454" y="1488414"/>
                  <a:pt x="618957" y="1636769"/>
                  <a:pt x="521675" y="1729187"/>
                </a:cubicBezTo>
                <a:cubicBezTo>
                  <a:pt x="650573" y="1690275"/>
                  <a:pt x="772176" y="1644066"/>
                  <a:pt x="886482" y="1590560"/>
                </a:cubicBezTo>
                <a:cubicBezTo>
                  <a:pt x="864594" y="1551648"/>
                  <a:pt x="853650" y="1513343"/>
                  <a:pt x="853650" y="1475646"/>
                </a:cubicBezTo>
                <a:cubicBezTo>
                  <a:pt x="853650" y="1437949"/>
                  <a:pt x="866418" y="1406941"/>
                  <a:pt x="891954" y="1382620"/>
                </a:cubicBezTo>
                <a:cubicBezTo>
                  <a:pt x="917490" y="1358300"/>
                  <a:pt x="946067" y="1346140"/>
                  <a:pt x="977684" y="1346140"/>
                </a:cubicBezTo>
                <a:cubicBezTo>
                  <a:pt x="1053077" y="1346140"/>
                  <a:pt x="1136983" y="1422749"/>
                  <a:pt x="1229401" y="1575968"/>
                </a:cubicBezTo>
                <a:cubicBezTo>
                  <a:pt x="1278042" y="1556512"/>
                  <a:pt x="1313306" y="1533407"/>
                  <a:pt x="1335195" y="1506655"/>
                </a:cubicBezTo>
                <a:cubicBezTo>
                  <a:pt x="1308442" y="1450718"/>
                  <a:pt x="1289594" y="1401469"/>
                  <a:pt x="1278650" y="1358908"/>
                </a:cubicBezTo>
                <a:cubicBezTo>
                  <a:pt x="1267706" y="1316347"/>
                  <a:pt x="1260410" y="1256154"/>
                  <a:pt x="1256762" y="1178328"/>
                </a:cubicBezTo>
                <a:cubicBezTo>
                  <a:pt x="1253114" y="1100503"/>
                  <a:pt x="1244601" y="1044565"/>
                  <a:pt x="1231225" y="1010517"/>
                </a:cubicBezTo>
                <a:cubicBezTo>
                  <a:pt x="1217849" y="976468"/>
                  <a:pt x="1205080" y="954579"/>
                  <a:pt x="1192920" y="944851"/>
                </a:cubicBezTo>
                <a:cubicBezTo>
                  <a:pt x="1163735" y="920531"/>
                  <a:pt x="1149143" y="888914"/>
                  <a:pt x="1149143" y="850001"/>
                </a:cubicBezTo>
                <a:cubicBezTo>
                  <a:pt x="1149143" y="789200"/>
                  <a:pt x="1181976" y="735695"/>
                  <a:pt x="1247641" y="689486"/>
                </a:cubicBezTo>
                <a:cubicBezTo>
                  <a:pt x="1296282" y="655437"/>
                  <a:pt x="1361948" y="578828"/>
                  <a:pt x="1444637" y="459657"/>
                </a:cubicBezTo>
                <a:cubicBezTo>
                  <a:pt x="1527327" y="340487"/>
                  <a:pt x="1568672" y="254149"/>
                  <a:pt x="1568672" y="200644"/>
                </a:cubicBezTo>
                <a:cubicBezTo>
                  <a:pt x="1568672" y="178755"/>
                  <a:pt x="1560768" y="158691"/>
                  <a:pt x="1544959" y="140451"/>
                </a:cubicBezTo>
                <a:cubicBezTo>
                  <a:pt x="1529151" y="122210"/>
                  <a:pt x="1498142" y="96066"/>
                  <a:pt x="1451933" y="62017"/>
                </a:cubicBezTo>
                <a:cubicBezTo>
                  <a:pt x="1432477" y="47425"/>
                  <a:pt x="1422749" y="33441"/>
                  <a:pt x="1422749" y="20064"/>
                </a:cubicBezTo>
                <a:cubicBezTo>
                  <a:pt x="1422749" y="6688"/>
                  <a:pt x="1461054" y="0"/>
                  <a:pt x="1537663" y="0"/>
                </a:cubicBezTo>
                <a:close/>
                <a:moveTo>
                  <a:pt x="1546783" y="660301"/>
                </a:moveTo>
                <a:cubicBezTo>
                  <a:pt x="1451933" y="711375"/>
                  <a:pt x="1372892" y="744207"/>
                  <a:pt x="1309658" y="758800"/>
                </a:cubicBezTo>
                <a:cubicBezTo>
                  <a:pt x="1331547" y="790416"/>
                  <a:pt x="1358300" y="831761"/>
                  <a:pt x="1389916" y="882834"/>
                </a:cubicBezTo>
                <a:cubicBezTo>
                  <a:pt x="1426397" y="812305"/>
                  <a:pt x="1478686" y="738127"/>
                  <a:pt x="1546783" y="660301"/>
                </a:cubicBezTo>
                <a:close/>
                <a:moveTo>
                  <a:pt x="1597857" y="766096"/>
                </a:moveTo>
                <a:cubicBezTo>
                  <a:pt x="1566240" y="766096"/>
                  <a:pt x="1538271" y="772784"/>
                  <a:pt x="1513951" y="786160"/>
                </a:cubicBezTo>
                <a:cubicBezTo>
                  <a:pt x="1489631" y="799536"/>
                  <a:pt x="1470174" y="820817"/>
                  <a:pt x="1455581" y="850001"/>
                </a:cubicBezTo>
                <a:cubicBezTo>
                  <a:pt x="1440989" y="879186"/>
                  <a:pt x="1433085" y="908371"/>
                  <a:pt x="1431869" y="937555"/>
                </a:cubicBezTo>
                <a:cubicBezTo>
                  <a:pt x="1430653" y="966740"/>
                  <a:pt x="1431261" y="1010517"/>
                  <a:pt x="1433693" y="1068886"/>
                </a:cubicBezTo>
                <a:cubicBezTo>
                  <a:pt x="1526111" y="1022677"/>
                  <a:pt x="1618529" y="980116"/>
                  <a:pt x="1710947" y="941203"/>
                </a:cubicBezTo>
                <a:cubicBezTo>
                  <a:pt x="1713379" y="894994"/>
                  <a:pt x="1712162" y="842705"/>
                  <a:pt x="1707299" y="784336"/>
                </a:cubicBezTo>
                <a:cubicBezTo>
                  <a:pt x="1665954" y="772176"/>
                  <a:pt x="1629473" y="766096"/>
                  <a:pt x="1597857" y="766096"/>
                </a:cubicBezTo>
                <a:close/>
                <a:moveTo>
                  <a:pt x="1470174" y="1262234"/>
                </a:moveTo>
                <a:cubicBezTo>
                  <a:pt x="1465309" y="1313307"/>
                  <a:pt x="1470174" y="1366812"/>
                  <a:pt x="1484766" y="1422749"/>
                </a:cubicBezTo>
                <a:cubicBezTo>
                  <a:pt x="1526111" y="1398429"/>
                  <a:pt x="1574752" y="1357084"/>
                  <a:pt x="1630689" y="1298715"/>
                </a:cubicBezTo>
                <a:cubicBezTo>
                  <a:pt x="1577185" y="1274394"/>
                  <a:pt x="1523679" y="1262234"/>
                  <a:pt x="1470174" y="1262234"/>
                </a:cubicBezTo>
                <a:close/>
                <a:moveTo>
                  <a:pt x="2234446" y="521674"/>
                </a:moveTo>
                <a:cubicBezTo>
                  <a:pt x="2216205" y="521674"/>
                  <a:pt x="2197357" y="528971"/>
                  <a:pt x="2177900" y="543563"/>
                </a:cubicBezTo>
                <a:cubicBezTo>
                  <a:pt x="2136556" y="570315"/>
                  <a:pt x="2064810" y="595852"/>
                  <a:pt x="1962664" y="620173"/>
                </a:cubicBezTo>
                <a:cubicBezTo>
                  <a:pt x="1969960" y="680974"/>
                  <a:pt x="1982120" y="753935"/>
                  <a:pt x="1999145" y="839057"/>
                </a:cubicBezTo>
                <a:cubicBezTo>
                  <a:pt x="2079403" y="856082"/>
                  <a:pt x="2119531" y="905939"/>
                  <a:pt x="2119531" y="988628"/>
                </a:cubicBezTo>
                <a:cubicBezTo>
                  <a:pt x="2119531" y="1034837"/>
                  <a:pt x="2101899" y="1069494"/>
                  <a:pt x="2066634" y="1092598"/>
                </a:cubicBezTo>
                <a:cubicBezTo>
                  <a:pt x="2031369" y="1115703"/>
                  <a:pt x="2001577" y="1139415"/>
                  <a:pt x="1977256" y="1163736"/>
                </a:cubicBezTo>
                <a:cubicBezTo>
                  <a:pt x="1952935" y="1188056"/>
                  <a:pt x="1938951" y="1211161"/>
                  <a:pt x="1935303" y="1233049"/>
                </a:cubicBezTo>
                <a:cubicBezTo>
                  <a:pt x="1931655" y="1254938"/>
                  <a:pt x="1929832" y="1282906"/>
                  <a:pt x="1929832" y="1316955"/>
                </a:cubicBezTo>
                <a:cubicBezTo>
                  <a:pt x="2000360" y="1299931"/>
                  <a:pt x="2053866" y="1291418"/>
                  <a:pt x="2090347" y="1291418"/>
                </a:cubicBezTo>
                <a:cubicBezTo>
                  <a:pt x="2126827" y="1291418"/>
                  <a:pt x="2157228" y="1302363"/>
                  <a:pt x="2181549" y="1324251"/>
                </a:cubicBezTo>
                <a:cubicBezTo>
                  <a:pt x="2210733" y="1270746"/>
                  <a:pt x="2244174" y="1168600"/>
                  <a:pt x="2281871" y="1017813"/>
                </a:cubicBezTo>
                <a:cubicBezTo>
                  <a:pt x="2319567" y="867026"/>
                  <a:pt x="2338416" y="766704"/>
                  <a:pt x="2338416" y="716847"/>
                </a:cubicBezTo>
                <a:cubicBezTo>
                  <a:pt x="2338416" y="666990"/>
                  <a:pt x="2325648" y="621997"/>
                  <a:pt x="2300111" y="581868"/>
                </a:cubicBezTo>
                <a:cubicBezTo>
                  <a:pt x="2274575" y="541739"/>
                  <a:pt x="2252686" y="521674"/>
                  <a:pt x="2234446" y="521674"/>
                </a:cubicBezTo>
                <a:close/>
              </a:path>
            </a:pathLst>
          </a:custGeom>
          <a:solidFill>
            <a:schemeClr val="tx1">
              <a:lumMod val="50000"/>
              <a:lumOff val="50000"/>
              <a:alpha val="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0" y="4329113"/>
            <a:ext cx="9144000" cy="2528887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26" name="组合 25"/>
          <p:cNvGrpSpPr/>
          <p:nvPr/>
        </p:nvGrpSpPr>
        <p:grpSpPr>
          <a:xfrm>
            <a:off x="552422" y="861337"/>
            <a:ext cx="3243138" cy="3166529"/>
            <a:chOff x="-1855351" y="1280575"/>
            <a:chExt cx="3243138" cy="3166529"/>
          </a:xfrm>
          <a:solidFill>
            <a:schemeClr val="tx1">
              <a:lumMod val="50000"/>
              <a:lumOff val="50000"/>
              <a:alpha val="0"/>
            </a:schemeClr>
          </a:solidFill>
        </p:grpSpPr>
        <p:sp>
          <p:nvSpPr>
            <p:cNvPr id="25" name="任意多边形 24"/>
            <p:cNvSpPr/>
            <p:nvPr/>
          </p:nvSpPr>
          <p:spPr>
            <a:xfrm>
              <a:off x="-337753" y="1280575"/>
              <a:ext cx="1725540" cy="3166529"/>
            </a:xfrm>
            <a:custGeom>
              <a:avLst/>
              <a:gdLst/>
              <a:ahLst/>
              <a:cxnLst/>
              <a:rect l="l" t="t" r="r" b="b"/>
              <a:pathLst>
                <a:path w="1725540" h="3166529">
                  <a:moveTo>
                    <a:pt x="809873" y="0"/>
                  </a:moveTo>
                  <a:cubicBezTo>
                    <a:pt x="885266" y="0"/>
                    <a:pt x="944244" y="37089"/>
                    <a:pt x="986804" y="111266"/>
                  </a:cubicBezTo>
                  <a:cubicBezTo>
                    <a:pt x="1029365" y="185444"/>
                    <a:pt x="1050646" y="248677"/>
                    <a:pt x="1050646" y="300966"/>
                  </a:cubicBezTo>
                  <a:cubicBezTo>
                    <a:pt x="1050646" y="353255"/>
                    <a:pt x="1044566" y="414665"/>
                    <a:pt x="1032405" y="485194"/>
                  </a:cubicBezTo>
                  <a:cubicBezTo>
                    <a:pt x="1098071" y="460873"/>
                    <a:pt x="1157048" y="448713"/>
                    <a:pt x="1209337" y="448713"/>
                  </a:cubicBezTo>
                  <a:cubicBezTo>
                    <a:pt x="1261626" y="448713"/>
                    <a:pt x="1309659" y="465130"/>
                    <a:pt x="1353436" y="497962"/>
                  </a:cubicBezTo>
                  <a:cubicBezTo>
                    <a:pt x="1397213" y="530795"/>
                    <a:pt x="1419101" y="567884"/>
                    <a:pt x="1419101" y="609229"/>
                  </a:cubicBezTo>
                  <a:cubicBezTo>
                    <a:pt x="1419101" y="650573"/>
                    <a:pt x="1394173" y="684622"/>
                    <a:pt x="1344316" y="711375"/>
                  </a:cubicBezTo>
                  <a:cubicBezTo>
                    <a:pt x="1294459" y="738127"/>
                    <a:pt x="1240346" y="781296"/>
                    <a:pt x="1181977" y="840881"/>
                  </a:cubicBezTo>
                  <a:cubicBezTo>
                    <a:pt x="1123608" y="900467"/>
                    <a:pt x="1094423" y="937555"/>
                    <a:pt x="1094423" y="952148"/>
                  </a:cubicBezTo>
                  <a:cubicBezTo>
                    <a:pt x="1094423" y="964308"/>
                    <a:pt x="1109015" y="970388"/>
                    <a:pt x="1138200" y="970388"/>
                  </a:cubicBezTo>
                  <a:cubicBezTo>
                    <a:pt x="1167384" y="970388"/>
                    <a:pt x="1199001" y="988629"/>
                    <a:pt x="1233050" y="1025109"/>
                  </a:cubicBezTo>
                  <a:cubicBezTo>
                    <a:pt x="1267098" y="1061590"/>
                    <a:pt x="1284123" y="1092599"/>
                    <a:pt x="1284123" y="1118135"/>
                  </a:cubicBezTo>
                  <a:cubicBezTo>
                    <a:pt x="1284123" y="1143672"/>
                    <a:pt x="1272570" y="1164344"/>
                    <a:pt x="1249466" y="1180152"/>
                  </a:cubicBezTo>
                  <a:cubicBezTo>
                    <a:pt x="1226362" y="1195961"/>
                    <a:pt x="1206297" y="1218457"/>
                    <a:pt x="1189273" y="1247642"/>
                  </a:cubicBezTo>
                  <a:cubicBezTo>
                    <a:pt x="1218457" y="1298715"/>
                    <a:pt x="1269530" y="1332156"/>
                    <a:pt x="1342492" y="1347964"/>
                  </a:cubicBezTo>
                  <a:cubicBezTo>
                    <a:pt x="1415454" y="1363772"/>
                    <a:pt x="1467743" y="1388701"/>
                    <a:pt x="1499359" y="1422749"/>
                  </a:cubicBezTo>
                  <a:cubicBezTo>
                    <a:pt x="1530976" y="1456798"/>
                    <a:pt x="1546784" y="1488415"/>
                    <a:pt x="1546784" y="1517599"/>
                  </a:cubicBezTo>
                  <a:cubicBezTo>
                    <a:pt x="1546784" y="1546784"/>
                    <a:pt x="1527328" y="1561376"/>
                    <a:pt x="1488415" y="1561376"/>
                  </a:cubicBezTo>
                  <a:cubicBezTo>
                    <a:pt x="1473823" y="1561376"/>
                    <a:pt x="1453758" y="1557728"/>
                    <a:pt x="1428222" y="1550432"/>
                  </a:cubicBezTo>
                  <a:cubicBezTo>
                    <a:pt x="1402685" y="1543136"/>
                    <a:pt x="1370460" y="1539488"/>
                    <a:pt x="1331548" y="1539488"/>
                  </a:cubicBezTo>
                  <a:cubicBezTo>
                    <a:pt x="1173465" y="1539488"/>
                    <a:pt x="980116" y="1608801"/>
                    <a:pt x="751504" y="1747428"/>
                  </a:cubicBezTo>
                  <a:cubicBezTo>
                    <a:pt x="710159" y="1791205"/>
                    <a:pt x="685838" y="1862950"/>
                    <a:pt x="678542" y="1962664"/>
                  </a:cubicBezTo>
                  <a:cubicBezTo>
                    <a:pt x="795281" y="1926184"/>
                    <a:pt x="908371" y="1894567"/>
                    <a:pt x="1017813" y="1867814"/>
                  </a:cubicBezTo>
                  <a:cubicBezTo>
                    <a:pt x="1008085" y="1845926"/>
                    <a:pt x="1003221" y="1823430"/>
                    <a:pt x="1003221" y="1800325"/>
                  </a:cubicBezTo>
                  <a:cubicBezTo>
                    <a:pt x="1003221" y="1777221"/>
                    <a:pt x="1012949" y="1758372"/>
                    <a:pt x="1032405" y="1743780"/>
                  </a:cubicBezTo>
                  <a:cubicBezTo>
                    <a:pt x="1051862" y="1729188"/>
                    <a:pt x="1087735" y="1721892"/>
                    <a:pt x="1140024" y="1721892"/>
                  </a:cubicBezTo>
                  <a:cubicBezTo>
                    <a:pt x="1192313" y="1721892"/>
                    <a:pt x="1233658" y="1730404"/>
                    <a:pt x="1264058" y="1747428"/>
                  </a:cubicBezTo>
                  <a:cubicBezTo>
                    <a:pt x="1294459" y="1764452"/>
                    <a:pt x="1324252" y="1793637"/>
                    <a:pt x="1353436" y="1834982"/>
                  </a:cubicBezTo>
                  <a:cubicBezTo>
                    <a:pt x="1443422" y="1832550"/>
                    <a:pt x="1527936" y="1850182"/>
                    <a:pt x="1606977" y="1887879"/>
                  </a:cubicBezTo>
                  <a:cubicBezTo>
                    <a:pt x="1686019" y="1925576"/>
                    <a:pt x="1725540" y="1959624"/>
                    <a:pt x="1725540" y="1990025"/>
                  </a:cubicBezTo>
                  <a:cubicBezTo>
                    <a:pt x="1725540" y="2020426"/>
                    <a:pt x="1686627" y="2035626"/>
                    <a:pt x="1608801" y="2035626"/>
                  </a:cubicBezTo>
                  <a:cubicBezTo>
                    <a:pt x="1530976" y="2035626"/>
                    <a:pt x="1445854" y="2028330"/>
                    <a:pt x="1353436" y="2013737"/>
                  </a:cubicBezTo>
                  <a:cubicBezTo>
                    <a:pt x="1341276" y="2140204"/>
                    <a:pt x="1334588" y="2238702"/>
                    <a:pt x="1333372" y="2309232"/>
                  </a:cubicBezTo>
                  <a:cubicBezTo>
                    <a:pt x="1332156" y="2379761"/>
                    <a:pt x="1331548" y="2557301"/>
                    <a:pt x="1331548" y="2841851"/>
                  </a:cubicBezTo>
                  <a:cubicBezTo>
                    <a:pt x="1331548" y="2892924"/>
                    <a:pt x="1321211" y="2959805"/>
                    <a:pt x="1300539" y="3042495"/>
                  </a:cubicBezTo>
                  <a:cubicBezTo>
                    <a:pt x="1279866" y="3125184"/>
                    <a:pt x="1247642" y="3166529"/>
                    <a:pt x="1203865" y="3166529"/>
                  </a:cubicBezTo>
                  <a:cubicBezTo>
                    <a:pt x="1177113" y="3166529"/>
                    <a:pt x="1152184" y="3154977"/>
                    <a:pt x="1129079" y="3131872"/>
                  </a:cubicBezTo>
                  <a:cubicBezTo>
                    <a:pt x="1105975" y="3108768"/>
                    <a:pt x="1046390" y="3063775"/>
                    <a:pt x="950324" y="2996894"/>
                  </a:cubicBezTo>
                  <a:cubicBezTo>
                    <a:pt x="854258" y="2930012"/>
                    <a:pt x="807441" y="2868603"/>
                    <a:pt x="809873" y="2812666"/>
                  </a:cubicBezTo>
                  <a:cubicBezTo>
                    <a:pt x="753936" y="2761593"/>
                    <a:pt x="711983" y="2708088"/>
                    <a:pt x="684014" y="2652151"/>
                  </a:cubicBezTo>
                  <a:cubicBezTo>
                    <a:pt x="656046" y="2596213"/>
                    <a:pt x="642062" y="2548788"/>
                    <a:pt x="642062" y="2509876"/>
                  </a:cubicBezTo>
                  <a:cubicBezTo>
                    <a:pt x="642062" y="2470963"/>
                    <a:pt x="659086" y="2435698"/>
                    <a:pt x="693135" y="2404082"/>
                  </a:cubicBezTo>
                  <a:cubicBezTo>
                    <a:pt x="727183" y="2372465"/>
                    <a:pt x="772784" y="2356657"/>
                    <a:pt x="829937" y="2356657"/>
                  </a:cubicBezTo>
                  <a:cubicBezTo>
                    <a:pt x="887090" y="2356657"/>
                    <a:pt x="938163" y="2371857"/>
                    <a:pt x="983157" y="2402258"/>
                  </a:cubicBezTo>
                  <a:cubicBezTo>
                    <a:pt x="1028149" y="2432658"/>
                    <a:pt x="1050646" y="2470963"/>
                    <a:pt x="1050646" y="2517172"/>
                  </a:cubicBezTo>
                  <a:cubicBezTo>
                    <a:pt x="1050646" y="2624182"/>
                    <a:pt x="1023893" y="2677687"/>
                    <a:pt x="970388" y="2677687"/>
                  </a:cubicBezTo>
                  <a:cubicBezTo>
                    <a:pt x="929043" y="2677687"/>
                    <a:pt x="893171" y="2645463"/>
                    <a:pt x="862770" y="2581013"/>
                  </a:cubicBezTo>
                  <a:cubicBezTo>
                    <a:pt x="832369" y="2516564"/>
                    <a:pt x="806225" y="2484339"/>
                    <a:pt x="784336" y="2484339"/>
                  </a:cubicBezTo>
                  <a:cubicBezTo>
                    <a:pt x="772176" y="2484339"/>
                    <a:pt x="758800" y="2492243"/>
                    <a:pt x="744208" y="2508052"/>
                  </a:cubicBezTo>
                  <a:cubicBezTo>
                    <a:pt x="729615" y="2523860"/>
                    <a:pt x="722319" y="2543925"/>
                    <a:pt x="722319" y="2568245"/>
                  </a:cubicBezTo>
                  <a:cubicBezTo>
                    <a:pt x="722319" y="2653367"/>
                    <a:pt x="772176" y="2726328"/>
                    <a:pt x="871890" y="2787129"/>
                  </a:cubicBezTo>
                  <a:cubicBezTo>
                    <a:pt x="966740" y="2804154"/>
                    <a:pt x="1033621" y="2812666"/>
                    <a:pt x="1072534" y="2812666"/>
                  </a:cubicBezTo>
                  <a:cubicBezTo>
                    <a:pt x="1111447" y="2812666"/>
                    <a:pt x="1132727" y="2805978"/>
                    <a:pt x="1136376" y="2792601"/>
                  </a:cubicBezTo>
                  <a:cubicBezTo>
                    <a:pt x="1140024" y="2779225"/>
                    <a:pt x="1143672" y="2729976"/>
                    <a:pt x="1147320" y="2644854"/>
                  </a:cubicBezTo>
                  <a:cubicBezTo>
                    <a:pt x="1150968" y="2559733"/>
                    <a:pt x="1152792" y="2481299"/>
                    <a:pt x="1152792" y="2409554"/>
                  </a:cubicBezTo>
                  <a:cubicBezTo>
                    <a:pt x="1152792" y="2337808"/>
                    <a:pt x="1147928" y="2205870"/>
                    <a:pt x="1138200" y="2013737"/>
                  </a:cubicBezTo>
                  <a:cubicBezTo>
                    <a:pt x="875538" y="2074539"/>
                    <a:pt x="694350" y="2153580"/>
                    <a:pt x="594637" y="2250862"/>
                  </a:cubicBezTo>
                  <a:cubicBezTo>
                    <a:pt x="514379" y="2503796"/>
                    <a:pt x="445674" y="2662487"/>
                    <a:pt x="388520" y="2726936"/>
                  </a:cubicBezTo>
                  <a:cubicBezTo>
                    <a:pt x="331367" y="2791386"/>
                    <a:pt x="276646" y="2823610"/>
                    <a:pt x="224357" y="2823610"/>
                  </a:cubicBezTo>
                  <a:cubicBezTo>
                    <a:pt x="172068" y="2823610"/>
                    <a:pt x="139235" y="2801114"/>
                    <a:pt x="125859" y="2756121"/>
                  </a:cubicBezTo>
                  <a:cubicBezTo>
                    <a:pt x="112482" y="2711128"/>
                    <a:pt x="83906" y="2672823"/>
                    <a:pt x="40129" y="2641206"/>
                  </a:cubicBezTo>
                  <a:cubicBezTo>
                    <a:pt x="13376" y="2621750"/>
                    <a:pt x="0" y="2596822"/>
                    <a:pt x="0" y="2566421"/>
                  </a:cubicBezTo>
                  <a:cubicBezTo>
                    <a:pt x="0" y="2536020"/>
                    <a:pt x="27361" y="2469747"/>
                    <a:pt x="82082" y="2367601"/>
                  </a:cubicBezTo>
                  <a:cubicBezTo>
                    <a:pt x="136803" y="2265455"/>
                    <a:pt x="212805" y="2197357"/>
                    <a:pt x="310087" y="2163309"/>
                  </a:cubicBezTo>
                  <a:cubicBezTo>
                    <a:pt x="351431" y="2104939"/>
                    <a:pt x="404937" y="2062378"/>
                    <a:pt x="470602" y="2035626"/>
                  </a:cubicBezTo>
                  <a:cubicBezTo>
                    <a:pt x="482762" y="2004009"/>
                    <a:pt x="501003" y="1949288"/>
                    <a:pt x="525323" y="1871463"/>
                  </a:cubicBezTo>
                  <a:cubicBezTo>
                    <a:pt x="393992" y="1951720"/>
                    <a:pt x="295494" y="1991849"/>
                    <a:pt x="229829" y="1991849"/>
                  </a:cubicBezTo>
                  <a:cubicBezTo>
                    <a:pt x="127683" y="1991849"/>
                    <a:pt x="76610" y="1938344"/>
                    <a:pt x="76610" y="1831334"/>
                  </a:cubicBezTo>
                  <a:cubicBezTo>
                    <a:pt x="76610" y="1758372"/>
                    <a:pt x="101538" y="1668386"/>
                    <a:pt x="151395" y="1561376"/>
                  </a:cubicBezTo>
                  <a:cubicBezTo>
                    <a:pt x="201252" y="1454366"/>
                    <a:pt x="240165" y="1360732"/>
                    <a:pt x="268134" y="1280475"/>
                  </a:cubicBezTo>
                  <a:cubicBezTo>
                    <a:pt x="296102" y="1200217"/>
                    <a:pt x="313127" y="1160088"/>
                    <a:pt x="319207" y="1160088"/>
                  </a:cubicBezTo>
                  <a:cubicBezTo>
                    <a:pt x="325287" y="1160088"/>
                    <a:pt x="328327" y="1164952"/>
                    <a:pt x="328327" y="1174680"/>
                  </a:cubicBezTo>
                  <a:cubicBezTo>
                    <a:pt x="328327" y="1189273"/>
                    <a:pt x="309478" y="1248250"/>
                    <a:pt x="271782" y="1351612"/>
                  </a:cubicBezTo>
                  <a:cubicBezTo>
                    <a:pt x="234085" y="1454974"/>
                    <a:pt x="195780" y="1571104"/>
                    <a:pt x="156867" y="1700003"/>
                  </a:cubicBezTo>
                  <a:cubicBezTo>
                    <a:pt x="195780" y="1700003"/>
                    <a:pt x="234085" y="1692707"/>
                    <a:pt x="271782" y="1678115"/>
                  </a:cubicBezTo>
                  <a:cubicBezTo>
                    <a:pt x="309478" y="1663522"/>
                    <a:pt x="366632" y="1631298"/>
                    <a:pt x="443242" y="1581441"/>
                  </a:cubicBezTo>
                  <a:cubicBezTo>
                    <a:pt x="519851" y="1531584"/>
                    <a:pt x="563020" y="1501183"/>
                    <a:pt x="572748" y="1490239"/>
                  </a:cubicBezTo>
                  <a:cubicBezTo>
                    <a:pt x="582476" y="1479295"/>
                    <a:pt x="587340" y="1471998"/>
                    <a:pt x="587340" y="1468350"/>
                  </a:cubicBezTo>
                  <a:cubicBezTo>
                    <a:pt x="587340" y="1464702"/>
                    <a:pt x="584908" y="1461662"/>
                    <a:pt x="580044" y="1459230"/>
                  </a:cubicBezTo>
                  <a:cubicBezTo>
                    <a:pt x="492491" y="1432478"/>
                    <a:pt x="435337" y="1406941"/>
                    <a:pt x="408585" y="1382621"/>
                  </a:cubicBezTo>
                  <a:cubicBezTo>
                    <a:pt x="381832" y="1358300"/>
                    <a:pt x="368456" y="1315739"/>
                    <a:pt x="368456" y="1254938"/>
                  </a:cubicBezTo>
                  <a:cubicBezTo>
                    <a:pt x="368456" y="1194137"/>
                    <a:pt x="377576" y="1155832"/>
                    <a:pt x="395817" y="1140024"/>
                  </a:cubicBezTo>
                  <a:cubicBezTo>
                    <a:pt x="414057" y="1124215"/>
                    <a:pt x="445066" y="1111447"/>
                    <a:pt x="488842" y="1101719"/>
                  </a:cubicBezTo>
                  <a:cubicBezTo>
                    <a:pt x="532619" y="1091991"/>
                    <a:pt x="573964" y="1077398"/>
                    <a:pt x="612877" y="1057942"/>
                  </a:cubicBezTo>
                  <a:cubicBezTo>
                    <a:pt x="651790" y="1038486"/>
                    <a:pt x="671246" y="1024501"/>
                    <a:pt x="671246" y="1015989"/>
                  </a:cubicBezTo>
                  <a:cubicBezTo>
                    <a:pt x="671246" y="1007477"/>
                    <a:pt x="668206" y="1000789"/>
                    <a:pt x="662126" y="995925"/>
                  </a:cubicBezTo>
                  <a:cubicBezTo>
                    <a:pt x="656046" y="991061"/>
                    <a:pt x="628685" y="985588"/>
                    <a:pt x="580044" y="979508"/>
                  </a:cubicBezTo>
                  <a:cubicBezTo>
                    <a:pt x="531403" y="973428"/>
                    <a:pt x="492491" y="970388"/>
                    <a:pt x="463306" y="970388"/>
                  </a:cubicBezTo>
                  <a:cubicBezTo>
                    <a:pt x="434121" y="970388"/>
                    <a:pt x="414057" y="972820"/>
                    <a:pt x="403113" y="977684"/>
                  </a:cubicBezTo>
                  <a:cubicBezTo>
                    <a:pt x="392168" y="982548"/>
                    <a:pt x="381832" y="984980"/>
                    <a:pt x="372104" y="984980"/>
                  </a:cubicBezTo>
                  <a:cubicBezTo>
                    <a:pt x="345351" y="984980"/>
                    <a:pt x="331975" y="965524"/>
                    <a:pt x="331975" y="926611"/>
                  </a:cubicBezTo>
                  <a:cubicBezTo>
                    <a:pt x="331975" y="822033"/>
                    <a:pt x="378184" y="757584"/>
                    <a:pt x="470602" y="733263"/>
                  </a:cubicBezTo>
                  <a:cubicBezTo>
                    <a:pt x="536267" y="716239"/>
                    <a:pt x="633550" y="673678"/>
                    <a:pt x="762448" y="605581"/>
                  </a:cubicBezTo>
                  <a:cubicBezTo>
                    <a:pt x="762448" y="552075"/>
                    <a:pt x="755152" y="503435"/>
                    <a:pt x="740559" y="459658"/>
                  </a:cubicBezTo>
                  <a:cubicBezTo>
                    <a:pt x="711375" y="374536"/>
                    <a:pt x="696783" y="296102"/>
                    <a:pt x="696783" y="224357"/>
                  </a:cubicBezTo>
                  <a:cubicBezTo>
                    <a:pt x="696783" y="152611"/>
                    <a:pt x="705903" y="97282"/>
                    <a:pt x="724143" y="58369"/>
                  </a:cubicBezTo>
                  <a:cubicBezTo>
                    <a:pt x="742384" y="19456"/>
                    <a:pt x="770960" y="0"/>
                    <a:pt x="809873" y="0"/>
                  </a:cubicBezTo>
                  <a:close/>
                  <a:moveTo>
                    <a:pt x="773392" y="229829"/>
                  </a:moveTo>
                  <a:cubicBezTo>
                    <a:pt x="753936" y="297926"/>
                    <a:pt x="749072" y="366024"/>
                    <a:pt x="758800" y="434121"/>
                  </a:cubicBezTo>
                  <a:cubicBezTo>
                    <a:pt x="783120" y="421961"/>
                    <a:pt x="795281" y="384872"/>
                    <a:pt x="795281" y="322855"/>
                  </a:cubicBezTo>
                  <a:cubicBezTo>
                    <a:pt x="795281" y="260838"/>
                    <a:pt x="787984" y="229829"/>
                    <a:pt x="773392" y="229829"/>
                  </a:cubicBezTo>
                  <a:close/>
                  <a:moveTo>
                    <a:pt x="1112663" y="1276826"/>
                  </a:moveTo>
                  <a:cubicBezTo>
                    <a:pt x="1088342" y="1284123"/>
                    <a:pt x="1056726" y="1327900"/>
                    <a:pt x="1017813" y="1408157"/>
                  </a:cubicBezTo>
                  <a:cubicBezTo>
                    <a:pt x="1032405" y="1410589"/>
                    <a:pt x="1051862" y="1411805"/>
                    <a:pt x="1076182" y="1411805"/>
                  </a:cubicBezTo>
                  <a:cubicBezTo>
                    <a:pt x="1100503" y="1411805"/>
                    <a:pt x="1136984" y="1404509"/>
                    <a:pt x="1185625" y="1389917"/>
                  </a:cubicBezTo>
                  <a:cubicBezTo>
                    <a:pt x="1171032" y="1331548"/>
                    <a:pt x="1146712" y="1293851"/>
                    <a:pt x="1112663" y="1276826"/>
                  </a:cubicBezTo>
                  <a:close/>
                  <a:moveTo>
                    <a:pt x="321031" y="2269103"/>
                  </a:moveTo>
                  <a:cubicBezTo>
                    <a:pt x="294278" y="2269103"/>
                    <a:pt x="263270" y="2298287"/>
                    <a:pt x="228005" y="2356657"/>
                  </a:cubicBezTo>
                  <a:cubicBezTo>
                    <a:pt x="192740" y="2415026"/>
                    <a:pt x="175108" y="2460019"/>
                    <a:pt x="175108" y="2491635"/>
                  </a:cubicBezTo>
                  <a:cubicBezTo>
                    <a:pt x="175108" y="2547573"/>
                    <a:pt x="190916" y="2575541"/>
                    <a:pt x="222533" y="2575541"/>
                  </a:cubicBezTo>
                  <a:cubicBezTo>
                    <a:pt x="237125" y="2575541"/>
                    <a:pt x="255365" y="2558517"/>
                    <a:pt x="277254" y="2524468"/>
                  </a:cubicBezTo>
                  <a:cubicBezTo>
                    <a:pt x="299142" y="2490419"/>
                    <a:pt x="330759" y="2417458"/>
                    <a:pt x="372104" y="2305584"/>
                  </a:cubicBezTo>
                  <a:cubicBezTo>
                    <a:pt x="364808" y="2281263"/>
                    <a:pt x="347783" y="2269103"/>
                    <a:pt x="321031" y="226910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sp>
          <p:nvSpPr>
            <p:cNvPr id="23" name="任意多边形 22"/>
            <p:cNvSpPr/>
            <p:nvPr/>
          </p:nvSpPr>
          <p:spPr>
            <a:xfrm>
              <a:off x="-1855351" y="1514052"/>
              <a:ext cx="1798501" cy="2695927"/>
            </a:xfrm>
            <a:custGeom>
              <a:avLst/>
              <a:gdLst/>
              <a:ahLst/>
              <a:cxnLst/>
              <a:rect l="l" t="t" r="r" b="b"/>
              <a:pathLst>
                <a:path w="1798501" h="2695927">
                  <a:moveTo>
                    <a:pt x="1311483" y="0"/>
                  </a:moveTo>
                  <a:cubicBezTo>
                    <a:pt x="1368636" y="0"/>
                    <a:pt x="1431869" y="28576"/>
                    <a:pt x="1501183" y="85730"/>
                  </a:cubicBezTo>
                  <a:cubicBezTo>
                    <a:pt x="1570496" y="142883"/>
                    <a:pt x="1605153" y="215236"/>
                    <a:pt x="1605153" y="302790"/>
                  </a:cubicBezTo>
                  <a:cubicBezTo>
                    <a:pt x="1605153" y="373319"/>
                    <a:pt x="1582048" y="416489"/>
                    <a:pt x="1535840" y="432297"/>
                  </a:cubicBezTo>
                  <a:cubicBezTo>
                    <a:pt x="1489630" y="448105"/>
                    <a:pt x="1454366" y="468777"/>
                    <a:pt x="1430045" y="494314"/>
                  </a:cubicBezTo>
                  <a:cubicBezTo>
                    <a:pt x="1405725" y="519851"/>
                    <a:pt x="1377756" y="561803"/>
                    <a:pt x="1346140" y="620173"/>
                  </a:cubicBezTo>
                  <a:cubicBezTo>
                    <a:pt x="1363164" y="625037"/>
                    <a:pt x="1390525" y="621997"/>
                    <a:pt x="1428221" y="611053"/>
                  </a:cubicBezTo>
                  <a:cubicBezTo>
                    <a:pt x="1465918" y="600108"/>
                    <a:pt x="1499359" y="585516"/>
                    <a:pt x="1528543" y="567276"/>
                  </a:cubicBezTo>
                  <a:cubicBezTo>
                    <a:pt x="1557728" y="549035"/>
                    <a:pt x="1593601" y="539915"/>
                    <a:pt x="1636161" y="539915"/>
                  </a:cubicBezTo>
                  <a:cubicBezTo>
                    <a:pt x="1678723" y="539915"/>
                    <a:pt x="1716419" y="555115"/>
                    <a:pt x="1749252" y="585516"/>
                  </a:cubicBezTo>
                  <a:cubicBezTo>
                    <a:pt x="1782085" y="615917"/>
                    <a:pt x="1798501" y="654829"/>
                    <a:pt x="1798501" y="702254"/>
                  </a:cubicBezTo>
                  <a:cubicBezTo>
                    <a:pt x="1798501" y="749679"/>
                    <a:pt x="1774180" y="789200"/>
                    <a:pt x="1725539" y="820817"/>
                  </a:cubicBezTo>
                  <a:cubicBezTo>
                    <a:pt x="1703651" y="925395"/>
                    <a:pt x="1682979" y="977684"/>
                    <a:pt x="1663522" y="977684"/>
                  </a:cubicBezTo>
                  <a:cubicBezTo>
                    <a:pt x="1658658" y="977684"/>
                    <a:pt x="1656226" y="974036"/>
                    <a:pt x="1656226" y="966740"/>
                  </a:cubicBezTo>
                  <a:cubicBezTo>
                    <a:pt x="1656226" y="959444"/>
                    <a:pt x="1660482" y="947283"/>
                    <a:pt x="1668994" y="930259"/>
                  </a:cubicBezTo>
                  <a:cubicBezTo>
                    <a:pt x="1677506" y="913235"/>
                    <a:pt x="1679330" y="886482"/>
                    <a:pt x="1674466" y="850001"/>
                  </a:cubicBezTo>
                  <a:cubicBezTo>
                    <a:pt x="1623393" y="869458"/>
                    <a:pt x="1565024" y="920531"/>
                    <a:pt x="1499359" y="1003221"/>
                  </a:cubicBezTo>
                  <a:cubicBezTo>
                    <a:pt x="1550432" y="1034837"/>
                    <a:pt x="1588129" y="1060374"/>
                    <a:pt x="1612449" y="1079830"/>
                  </a:cubicBezTo>
                  <a:cubicBezTo>
                    <a:pt x="1627041" y="1055510"/>
                    <a:pt x="1636770" y="1043349"/>
                    <a:pt x="1641634" y="1043349"/>
                  </a:cubicBezTo>
                  <a:cubicBezTo>
                    <a:pt x="1646498" y="1043349"/>
                    <a:pt x="1648930" y="1048214"/>
                    <a:pt x="1648930" y="1057942"/>
                  </a:cubicBezTo>
                  <a:cubicBezTo>
                    <a:pt x="1648930" y="1067670"/>
                    <a:pt x="1646498" y="1082262"/>
                    <a:pt x="1641634" y="1101719"/>
                  </a:cubicBezTo>
                  <a:cubicBezTo>
                    <a:pt x="1648930" y="1150360"/>
                    <a:pt x="1636770" y="1196569"/>
                    <a:pt x="1605153" y="1240345"/>
                  </a:cubicBezTo>
                  <a:cubicBezTo>
                    <a:pt x="1595425" y="1252506"/>
                    <a:pt x="1583264" y="1286554"/>
                    <a:pt x="1568672" y="1342492"/>
                  </a:cubicBezTo>
                  <a:cubicBezTo>
                    <a:pt x="1554080" y="1398429"/>
                    <a:pt x="1544352" y="1450718"/>
                    <a:pt x="1539487" y="1499359"/>
                  </a:cubicBezTo>
                  <a:cubicBezTo>
                    <a:pt x="1549216" y="1516383"/>
                    <a:pt x="1554080" y="1543136"/>
                    <a:pt x="1554080" y="1579616"/>
                  </a:cubicBezTo>
                  <a:cubicBezTo>
                    <a:pt x="1554080" y="1616097"/>
                    <a:pt x="1530367" y="1692707"/>
                    <a:pt x="1482942" y="1809445"/>
                  </a:cubicBezTo>
                  <a:cubicBezTo>
                    <a:pt x="1435517" y="1926183"/>
                    <a:pt x="1389917" y="2063594"/>
                    <a:pt x="1346140" y="2221678"/>
                  </a:cubicBezTo>
                  <a:cubicBezTo>
                    <a:pt x="1302363" y="2379761"/>
                    <a:pt x="1273178" y="2509875"/>
                    <a:pt x="1258586" y="2612022"/>
                  </a:cubicBezTo>
                  <a:cubicBezTo>
                    <a:pt x="1251290" y="2667959"/>
                    <a:pt x="1228185" y="2695927"/>
                    <a:pt x="1189272" y="2695927"/>
                  </a:cubicBezTo>
                  <a:cubicBezTo>
                    <a:pt x="1150360" y="2695927"/>
                    <a:pt x="1098071" y="2655799"/>
                    <a:pt x="1032405" y="2575541"/>
                  </a:cubicBezTo>
                  <a:cubicBezTo>
                    <a:pt x="966740" y="2495283"/>
                    <a:pt x="933907" y="2436914"/>
                    <a:pt x="933907" y="2400433"/>
                  </a:cubicBezTo>
                  <a:cubicBezTo>
                    <a:pt x="933907" y="2363952"/>
                    <a:pt x="941811" y="2328688"/>
                    <a:pt x="957620" y="2294639"/>
                  </a:cubicBezTo>
                  <a:cubicBezTo>
                    <a:pt x="973428" y="2260590"/>
                    <a:pt x="986804" y="2207693"/>
                    <a:pt x="997748" y="2135948"/>
                  </a:cubicBezTo>
                  <a:cubicBezTo>
                    <a:pt x="1008693" y="2064202"/>
                    <a:pt x="1011733" y="1993065"/>
                    <a:pt x="1006869" y="1922535"/>
                  </a:cubicBezTo>
                  <a:cubicBezTo>
                    <a:pt x="909587" y="1988201"/>
                    <a:pt x="840273" y="2036842"/>
                    <a:pt x="798928" y="2068459"/>
                  </a:cubicBezTo>
                  <a:cubicBezTo>
                    <a:pt x="757583" y="2100075"/>
                    <a:pt x="722319" y="2115884"/>
                    <a:pt x="693134" y="2115884"/>
                  </a:cubicBezTo>
                  <a:cubicBezTo>
                    <a:pt x="627469" y="2115884"/>
                    <a:pt x="594636" y="2056298"/>
                    <a:pt x="594636" y="1937128"/>
                  </a:cubicBezTo>
                  <a:cubicBezTo>
                    <a:pt x="594636" y="1893351"/>
                    <a:pt x="606188" y="1855654"/>
                    <a:pt x="629293" y="1824037"/>
                  </a:cubicBezTo>
                  <a:cubicBezTo>
                    <a:pt x="652397" y="1792421"/>
                    <a:pt x="677934" y="1774180"/>
                    <a:pt x="705902" y="1769316"/>
                  </a:cubicBezTo>
                  <a:cubicBezTo>
                    <a:pt x="733871" y="1764452"/>
                    <a:pt x="764272" y="1749252"/>
                    <a:pt x="797104" y="1723715"/>
                  </a:cubicBezTo>
                  <a:cubicBezTo>
                    <a:pt x="829937" y="1698179"/>
                    <a:pt x="878578" y="1651970"/>
                    <a:pt x="943027" y="1585088"/>
                  </a:cubicBezTo>
                  <a:cubicBezTo>
                    <a:pt x="1007477" y="1518207"/>
                    <a:pt x="1043957" y="1478078"/>
                    <a:pt x="1052470" y="1464702"/>
                  </a:cubicBezTo>
                  <a:cubicBezTo>
                    <a:pt x="1060982" y="1451326"/>
                    <a:pt x="1065238" y="1440382"/>
                    <a:pt x="1065238" y="1431869"/>
                  </a:cubicBezTo>
                  <a:cubicBezTo>
                    <a:pt x="1065238" y="1423357"/>
                    <a:pt x="1060374" y="1419101"/>
                    <a:pt x="1050645" y="1419101"/>
                  </a:cubicBezTo>
                  <a:cubicBezTo>
                    <a:pt x="1040917" y="1419101"/>
                    <a:pt x="1022069" y="1428829"/>
                    <a:pt x="994100" y="1448286"/>
                  </a:cubicBezTo>
                  <a:cubicBezTo>
                    <a:pt x="966132" y="1467742"/>
                    <a:pt x="943635" y="1480510"/>
                    <a:pt x="926611" y="1486590"/>
                  </a:cubicBezTo>
                  <a:cubicBezTo>
                    <a:pt x="909587" y="1492671"/>
                    <a:pt x="888306" y="1495711"/>
                    <a:pt x="862770" y="1495711"/>
                  </a:cubicBezTo>
                  <a:cubicBezTo>
                    <a:pt x="837233" y="1495711"/>
                    <a:pt x="817169" y="1483550"/>
                    <a:pt x="802576" y="1459230"/>
                  </a:cubicBezTo>
                  <a:cubicBezTo>
                    <a:pt x="787984" y="1434909"/>
                    <a:pt x="774608" y="1382620"/>
                    <a:pt x="762448" y="1302363"/>
                  </a:cubicBezTo>
                  <a:cubicBezTo>
                    <a:pt x="631117" y="1416669"/>
                    <a:pt x="490058" y="1554080"/>
                    <a:pt x="339271" y="1714595"/>
                  </a:cubicBezTo>
                  <a:cubicBezTo>
                    <a:pt x="271173" y="1789989"/>
                    <a:pt x="199428" y="1827685"/>
                    <a:pt x="124034" y="1827685"/>
                  </a:cubicBezTo>
                  <a:cubicBezTo>
                    <a:pt x="89986" y="1827685"/>
                    <a:pt x="60801" y="1821605"/>
                    <a:pt x="36481" y="1809445"/>
                  </a:cubicBezTo>
                  <a:cubicBezTo>
                    <a:pt x="12160" y="1797285"/>
                    <a:pt x="0" y="1782084"/>
                    <a:pt x="0" y="1763844"/>
                  </a:cubicBezTo>
                  <a:cubicBezTo>
                    <a:pt x="0" y="1745604"/>
                    <a:pt x="7296" y="1729795"/>
                    <a:pt x="21888" y="1716419"/>
                  </a:cubicBezTo>
                  <a:cubicBezTo>
                    <a:pt x="36481" y="1703043"/>
                    <a:pt x="57761" y="1693315"/>
                    <a:pt x="85730" y="1687235"/>
                  </a:cubicBezTo>
                  <a:cubicBezTo>
                    <a:pt x="113698" y="1681154"/>
                    <a:pt x="161123" y="1645282"/>
                    <a:pt x="228005" y="1579616"/>
                  </a:cubicBezTo>
                  <a:cubicBezTo>
                    <a:pt x="294886" y="1513951"/>
                    <a:pt x="369671" y="1425181"/>
                    <a:pt x="452361" y="1313307"/>
                  </a:cubicBezTo>
                  <a:lnTo>
                    <a:pt x="1065238" y="466953"/>
                  </a:lnTo>
                  <a:cubicBezTo>
                    <a:pt x="1181976" y="308870"/>
                    <a:pt x="1244602" y="223748"/>
                    <a:pt x="1253114" y="211588"/>
                  </a:cubicBezTo>
                  <a:cubicBezTo>
                    <a:pt x="1261626" y="199428"/>
                    <a:pt x="1265882" y="183620"/>
                    <a:pt x="1265882" y="164163"/>
                  </a:cubicBezTo>
                  <a:cubicBezTo>
                    <a:pt x="1265882" y="144707"/>
                    <a:pt x="1259194" y="124034"/>
                    <a:pt x="1245818" y="102146"/>
                  </a:cubicBezTo>
                  <a:cubicBezTo>
                    <a:pt x="1232441" y="80258"/>
                    <a:pt x="1225753" y="64449"/>
                    <a:pt x="1225753" y="54721"/>
                  </a:cubicBezTo>
                  <a:cubicBezTo>
                    <a:pt x="1225753" y="18240"/>
                    <a:pt x="1254330" y="0"/>
                    <a:pt x="1311483" y="0"/>
                  </a:cubicBezTo>
                  <a:close/>
                  <a:moveTo>
                    <a:pt x="1207513" y="766096"/>
                  </a:moveTo>
                  <a:cubicBezTo>
                    <a:pt x="1027541" y="972820"/>
                    <a:pt x="931475" y="1085910"/>
                    <a:pt x="919315" y="1105367"/>
                  </a:cubicBezTo>
                  <a:cubicBezTo>
                    <a:pt x="919315" y="1122391"/>
                    <a:pt x="925395" y="1130903"/>
                    <a:pt x="937555" y="1130903"/>
                  </a:cubicBezTo>
                  <a:cubicBezTo>
                    <a:pt x="949716" y="1130903"/>
                    <a:pt x="966740" y="1121175"/>
                    <a:pt x="988628" y="1101719"/>
                  </a:cubicBezTo>
                  <a:cubicBezTo>
                    <a:pt x="1010517" y="1082262"/>
                    <a:pt x="1068278" y="1039093"/>
                    <a:pt x="1161912" y="972212"/>
                  </a:cubicBezTo>
                  <a:cubicBezTo>
                    <a:pt x="1255546" y="905331"/>
                    <a:pt x="1305403" y="869458"/>
                    <a:pt x="1311483" y="864594"/>
                  </a:cubicBezTo>
                  <a:cubicBezTo>
                    <a:pt x="1317563" y="859730"/>
                    <a:pt x="1320603" y="852434"/>
                    <a:pt x="1320603" y="842705"/>
                  </a:cubicBezTo>
                  <a:cubicBezTo>
                    <a:pt x="1320603" y="811089"/>
                    <a:pt x="1282906" y="785552"/>
                    <a:pt x="1207513" y="766096"/>
                  </a:cubicBezTo>
                  <a:close/>
                  <a:moveTo>
                    <a:pt x="1528543" y="1295067"/>
                  </a:moveTo>
                  <a:cubicBezTo>
                    <a:pt x="1445854" y="1346140"/>
                    <a:pt x="1404509" y="1392348"/>
                    <a:pt x="1404509" y="1433693"/>
                  </a:cubicBezTo>
                  <a:cubicBezTo>
                    <a:pt x="1404509" y="1460446"/>
                    <a:pt x="1432477" y="1478686"/>
                    <a:pt x="1488415" y="1488415"/>
                  </a:cubicBezTo>
                  <a:cubicBezTo>
                    <a:pt x="1520031" y="1400861"/>
                    <a:pt x="1535840" y="1347964"/>
                    <a:pt x="1535840" y="1329723"/>
                  </a:cubicBezTo>
                  <a:cubicBezTo>
                    <a:pt x="1535840" y="1311483"/>
                    <a:pt x="1533407" y="1299931"/>
                    <a:pt x="1528543" y="1295067"/>
                  </a:cubicBezTo>
                  <a:close/>
                  <a:moveTo>
                    <a:pt x="1362556" y="1718243"/>
                  </a:moveTo>
                  <a:cubicBezTo>
                    <a:pt x="1349180" y="1718243"/>
                    <a:pt x="1325467" y="1729187"/>
                    <a:pt x="1291419" y="1751076"/>
                  </a:cubicBezTo>
                  <a:cubicBezTo>
                    <a:pt x="1208729" y="1967528"/>
                    <a:pt x="1167384" y="2124396"/>
                    <a:pt x="1167384" y="2221678"/>
                  </a:cubicBezTo>
                  <a:cubicBezTo>
                    <a:pt x="1167384" y="2233838"/>
                    <a:pt x="1172248" y="2239918"/>
                    <a:pt x="1181976" y="2239918"/>
                  </a:cubicBezTo>
                  <a:cubicBezTo>
                    <a:pt x="1191704" y="2239918"/>
                    <a:pt x="1201433" y="2230190"/>
                    <a:pt x="1211161" y="2210733"/>
                  </a:cubicBezTo>
                  <a:lnTo>
                    <a:pt x="1273178" y="2061162"/>
                  </a:lnTo>
                  <a:cubicBezTo>
                    <a:pt x="1307227" y="1978472"/>
                    <a:pt x="1344924" y="1867814"/>
                    <a:pt x="1386268" y="1729187"/>
                  </a:cubicBezTo>
                  <a:cubicBezTo>
                    <a:pt x="1383836" y="1721891"/>
                    <a:pt x="1375932" y="1718243"/>
                    <a:pt x="1362556" y="1718243"/>
                  </a:cubicBezTo>
                  <a:close/>
                </a:path>
              </a:pathLst>
            </a:custGeom>
            <a:grp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</p:grpSp>
      <p:sp>
        <p:nvSpPr>
          <p:cNvPr id="38920" name="文本框 14"/>
          <p:cNvSpPr txBox="1">
            <a:spLocks noChangeArrowheads="1"/>
          </p:cNvSpPr>
          <p:nvPr/>
        </p:nvSpPr>
        <p:spPr bwMode="auto">
          <a:xfrm>
            <a:off x="620094" y="1149443"/>
            <a:ext cx="3814762" cy="15700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algn="ctr"/>
            <a:r>
              <a:rPr lang="zh-CN" altLang="en-US" sz="9600" b="1" dirty="0">
                <a:solidFill>
                  <a:srgbClr val="104B34"/>
                </a:solidFill>
                <a:latin typeface="Microsoft YaHei UI"/>
                <a:ea typeface="微软雅黑" pitchFamily="34" charset="-122"/>
              </a:rPr>
              <a:t>谢 谢</a:t>
            </a:r>
            <a:endParaRPr lang="en-US" altLang="zh-CN" sz="9600" b="1" dirty="0">
              <a:solidFill>
                <a:srgbClr val="104B34"/>
              </a:solidFill>
              <a:latin typeface="Microsoft YaHei UI"/>
              <a:ea typeface="微软雅黑" pitchFamily="34" charset="-122"/>
            </a:endParaRPr>
          </a:p>
        </p:txBody>
      </p: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498344"/>
            <a:ext cx="3122908" cy="2190423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34138" y="4486718"/>
            <a:ext cx="2647870" cy="2202047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1066" y="4498344"/>
            <a:ext cx="3303071" cy="2202047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2471980" y="2719481"/>
            <a:ext cx="66720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>
                <a:solidFill>
                  <a:schemeClr val="accent6">
                    <a:lumMod val="50000"/>
                  </a:schemeClr>
                </a:solidFill>
              </a:rPr>
              <a:t>——    </a:t>
            </a:r>
            <a:r>
              <a:rPr lang="zh-CN" altLang="en-US" dirty="0">
                <a:solidFill>
                  <a:schemeClr val="accent6">
                    <a:lumMod val="50000"/>
                  </a:schemeClr>
                </a:solidFill>
              </a:rPr>
              <a:t>天逸出品</a:t>
            </a:r>
            <a:endParaRPr lang="en-US" altLang="zh-CN" dirty="0">
              <a:solidFill>
                <a:schemeClr val="accent6">
                  <a:lumMod val="50000"/>
                </a:schemeClr>
              </a:solidFill>
            </a:endParaRPr>
          </a:p>
          <a:p>
            <a:r>
              <a:rPr lang="en-US" altLang="zh-CN" dirty="0">
                <a:solidFill>
                  <a:schemeClr val="accent6">
                    <a:lumMod val="50000"/>
                  </a:schemeClr>
                </a:solidFill>
              </a:rPr>
              <a:t>        </a:t>
            </a:r>
          </a:p>
        </p:txBody>
      </p:sp>
      <p:pic>
        <p:nvPicPr>
          <p:cNvPr id="17" name="图片 4" descr="dutlogo副本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256237"/>
            <a:ext cx="2593477" cy="1971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圆角矩形 3"/>
          <p:cNvSpPr/>
          <p:nvPr/>
        </p:nvSpPr>
        <p:spPr>
          <a:xfrm>
            <a:off x="300038" y="1304925"/>
            <a:ext cx="8548687" cy="4987925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531813" y="1549400"/>
            <a:ext cx="3902075" cy="4471988"/>
          </a:xfrm>
          <a:prstGeom prst="rect">
            <a:avLst/>
          </a:prstGeom>
          <a:noFill/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0" y="0"/>
            <a:ext cx="6016625" cy="820738"/>
          </a:xfrm>
          <a:prstGeom prst="rect">
            <a:avLst/>
          </a:prstGeom>
          <a:solidFill>
            <a:schemeClr val="accent6"/>
          </a:solidFill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 sz="28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graphicFrame>
        <p:nvGraphicFramePr>
          <p:cNvPr id="3" name="图示 2"/>
          <p:cNvGraphicFramePr/>
          <p:nvPr>
            <p:extLst>
              <p:ext uri="{D42A27DB-BD31-4B8C-83A1-F6EECF244321}">
                <p14:modId xmlns:p14="http://schemas.microsoft.com/office/powerpoint/2010/main" val="1459035268"/>
              </p:ext>
            </p:extLst>
          </p:nvPr>
        </p:nvGraphicFramePr>
        <p:xfrm>
          <a:off x="1263563" y="1977893"/>
          <a:ext cx="3100820" cy="351692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矩形 4"/>
          <p:cNvSpPr/>
          <p:nvPr/>
        </p:nvSpPr>
        <p:spPr>
          <a:xfrm>
            <a:off x="4708525" y="4152900"/>
            <a:ext cx="3863975" cy="1868488"/>
          </a:xfrm>
          <a:prstGeom prst="rect">
            <a:avLst/>
          </a:prstGeom>
          <a:solidFill>
            <a:schemeClr val="accent6"/>
          </a:solidFill>
        </p:spPr>
        <p:txBody>
          <a:bodyPr anchor="ctr"/>
          <a:lstStyle/>
          <a:p>
            <a:pPr indent="381000" algn="just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建立健全“旅</a:t>
            </a:r>
            <a:r>
              <a:rPr lang="en-US" altLang="zh-CN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-</a:t>
            </a:r>
            <a:r>
              <a:rPr lang="zh-CN" altLang="en-US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营</a:t>
            </a:r>
            <a:r>
              <a:rPr lang="en-US" altLang="zh-CN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-</a:t>
            </a:r>
            <a:r>
              <a:rPr lang="zh-CN" altLang="en-US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连</a:t>
            </a:r>
            <a:r>
              <a:rPr lang="en-US" altLang="zh-CN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-</a:t>
            </a:r>
            <a:r>
              <a:rPr lang="zh-CN" altLang="en-US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排</a:t>
            </a:r>
            <a:r>
              <a:rPr lang="en-US" altLang="zh-CN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-</a:t>
            </a:r>
            <a:r>
              <a:rPr lang="zh-CN" altLang="en-US" sz="2000" kern="100" dirty="0">
                <a:solidFill>
                  <a:schemeClr val="bg1"/>
                </a:solidFill>
                <a:latin typeface="+mn-ea"/>
                <a:ea typeface="+mn-ea"/>
                <a:cs typeface="Times New Roman" panose="02020603050405020304" pitchFamily="18" charset="0"/>
              </a:rPr>
              <a:t>寝室”五级网格化安全体系，严格查出勤等问题，至少在没分方队时是这样</a:t>
            </a:r>
            <a:endParaRPr lang="zh-CN" altLang="zh-CN" sz="1200" kern="100" dirty="0">
              <a:solidFill>
                <a:schemeClr val="bg1"/>
              </a:solidFill>
              <a:latin typeface="+mn-ea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28678" name="矩形 5"/>
          <p:cNvSpPr>
            <a:spLocks noChangeArrowheads="1"/>
          </p:cNvSpPr>
          <p:nvPr/>
        </p:nvSpPr>
        <p:spPr bwMode="auto">
          <a:xfrm>
            <a:off x="695623" y="2109788"/>
            <a:ext cx="461665" cy="2624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eaVert">
            <a:spAutoFit/>
          </a:bodyPr>
          <a:lstStyle/>
          <a:p>
            <a:pPr algn="dist"/>
            <a:r>
              <a:rPr lang="zh-CN" altLang="en-US" dirty="0">
                <a:latin typeface="Microsoft YaHei UI"/>
                <a:ea typeface="微软雅黑" pitchFamily="34" charset="-122"/>
              </a:rPr>
              <a:t>旅</a:t>
            </a:r>
            <a:r>
              <a:rPr lang="en-US" altLang="zh-CN" dirty="0">
                <a:latin typeface="Microsoft YaHei UI"/>
                <a:ea typeface="微软雅黑" pitchFamily="34" charset="-122"/>
              </a:rPr>
              <a:t>-</a:t>
            </a:r>
            <a:r>
              <a:rPr lang="zh-CN" altLang="en-US" dirty="0">
                <a:latin typeface="Microsoft YaHei UI"/>
                <a:ea typeface="微软雅黑" pitchFamily="34" charset="-122"/>
              </a:rPr>
              <a:t>营</a:t>
            </a:r>
            <a:r>
              <a:rPr lang="en-US" altLang="zh-CN" dirty="0">
                <a:latin typeface="Microsoft YaHei UI"/>
                <a:ea typeface="微软雅黑" pitchFamily="34" charset="-122"/>
              </a:rPr>
              <a:t>-</a:t>
            </a:r>
            <a:r>
              <a:rPr lang="zh-CN" altLang="en-US" dirty="0">
                <a:latin typeface="Microsoft YaHei UI"/>
                <a:ea typeface="微软雅黑" pitchFamily="34" charset="-122"/>
              </a:rPr>
              <a:t>连</a:t>
            </a:r>
            <a:r>
              <a:rPr lang="en-US" altLang="zh-CN" dirty="0">
                <a:latin typeface="Microsoft YaHei UI"/>
                <a:ea typeface="微软雅黑" pitchFamily="34" charset="-122"/>
              </a:rPr>
              <a:t>-</a:t>
            </a:r>
            <a:r>
              <a:rPr lang="zh-CN" altLang="en-US" dirty="0">
                <a:latin typeface="Microsoft YaHei UI"/>
                <a:ea typeface="微软雅黑" pitchFamily="34" charset="-122"/>
              </a:rPr>
              <a:t>排</a:t>
            </a:r>
            <a:r>
              <a:rPr lang="en-US" altLang="zh-CN" dirty="0">
                <a:latin typeface="Microsoft YaHei UI"/>
                <a:ea typeface="微软雅黑" pitchFamily="34" charset="-122"/>
              </a:rPr>
              <a:t>-</a:t>
            </a:r>
            <a:r>
              <a:rPr lang="zh-CN" altLang="en-US" dirty="0">
                <a:latin typeface="Microsoft YaHei UI"/>
                <a:ea typeface="微软雅黑" pitchFamily="34" charset="-122"/>
              </a:rPr>
              <a:t>寝室</a:t>
            </a:r>
          </a:p>
        </p:txBody>
      </p:sp>
      <p:sp>
        <p:nvSpPr>
          <p:cNvPr id="28680" name="矩形 8"/>
          <p:cNvSpPr>
            <a:spLocks noChangeArrowheads="1"/>
          </p:cNvSpPr>
          <p:nvPr/>
        </p:nvSpPr>
        <p:spPr bwMode="auto">
          <a:xfrm>
            <a:off x="2655484" y="5603875"/>
            <a:ext cx="1569660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dirty="0">
                <a:latin typeface="Microsoft YaHei UI"/>
                <a:ea typeface="微软雅黑" pitchFamily="34" charset="-122"/>
              </a:rPr>
              <a:t>五级行政单位</a:t>
            </a:r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4664" y="1549401"/>
            <a:ext cx="3551695" cy="2511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545573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5974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443010" y="1303338"/>
            <a:ext cx="1210588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动员大会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7412" name="矩形 3"/>
          <p:cNvSpPr>
            <a:spLocks noChangeArrowheads="1"/>
          </p:cNvSpPr>
          <p:nvPr/>
        </p:nvSpPr>
        <p:spPr bwMode="auto">
          <a:xfrm>
            <a:off x="358775" y="93663"/>
            <a:ext cx="2236510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编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58788" y="4689306"/>
            <a:ext cx="7337425" cy="1089529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在军训前会有为期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3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天的新生入学教（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xi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）育（</a:t>
            </a:r>
            <a:r>
              <a:rPr lang="en-US" altLang="zh-CN" spc="300" dirty="0" err="1">
                <a:solidFill>
                  <a:schemeClr val="bg1"/>
                </a:solidFill>
                <a:latin typeface="+mn-lt"/>
                <a:ea typeface="+mn-ea"/>
              </a:rPr>
              <a:t>nao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）及军训动员大会，首先学校所有军训成员为一个军训旅，每个学部为一个团，级队为连，班级为排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例：一级队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7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班是一连七排</a:t>
            </a:r>
          </a:p>
        </p:txBody>
      </p:sp>
      <p:grpSp>
        <p:nvGrpSpPr>
          <p:cNvPr id="17417" name="组合 11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6" name="任意多边形 15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788" y="1810228"/>
            <a:ext cx="3954287" cy="2640570"/>
          </a:xfrm>
          <a:prstGeom prst="rect">
            <a:avLst/>
          </a:prstGeom>
        </p:spPr>
      </p:pic>
      <p:pic>
        <p:nvPicPr>
          <p:cNvPr id="4" name="图片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1999" y="1810228"/>
            <a:ext cx="4114799" cy="2640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92487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pic>
        <p:nvPicPr>
          <p:cNvPr id="16386" name="图片 25"/>
          <p:cNvPicPr>
            <a:picLocks noChangeAspect="1"/>
          </p:cNvPicPr>
          <p:nvPr/>
        </p:nvPicPr>
        <p:blipFill>
          <a:blip r:embed="rId2"/>
          <a:srcRect l="-800" t="20277" r="22569" b="9050"/>
          <a:stretch>
            <a:fillRect/>
          </a:stretch>
        </p:blipFill>
        <p:spPr bwMode="auto">
          <a:xfrm>
            <a:off x="400050" y="1881188"/>
            <a:ext cx="4059238" cy="24780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矩形 1"/>
          <p:cNvSpPr/>
          <p:nvPr/>
        </p:nvSpPr>
        <p:spPr>
          <a:xfrm>
            <a:off x="400050" y="4598988"/>
            <a:ext cx="8329613" cy="14319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399940" y="1292225"/>
            <a:ext cx="1467068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临时负责人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6389" name="矩形 3"/>
          <p:cNvSpPr>
            <a:spLocks noChangeArrowheads="1"/>
          </p:cNvSpPr>
          <p:nvPr/>
        </p:nvSpPr>
        <p:spPr bwMode="auto">
          <a:xfrm>
            <a:off x="358775" y="93663"/>
            <a:ext cx="2236788" cy="708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>
                <a:latin typeface="Microsoft YaHei UI"/>
                <a:ea typeface="微软雅黑" pitchFamily="34" charset="-122"/>
              </a:rPr>
              <a:t>参训学生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pic>
        <p:nvPicPr>
          <p:cNvPr id="16391" name="图片 6"/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4757738" y="1881188"/>
            <a:ext cx="3971925" cy="24780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6392" name="矩形 7"/>
          <p:cNvSpPr>
            <a:spLocks noChangeArrowheads="1"/>
          </p:cNvSpPr>
          <p:nvPr/>
        </p:nvSpPr>
        <p:spPr bwMode="auto">
          <a:xfrm>
            <a:off x="452268" y="4607106"/>
            <a:ext cx="7477125" cy="13388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首先会有导员选择两名级队临时负责人（军训连连长），班导生会帮助导员选择两名班级临时负责人（排长），其实用处不是特别大，主要是军训结束后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~</a:t>
            </a:r>
            <a:r>
              <a:rPr lang="zh-CN" altLang="en-US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基本上级队长、级队总支、班长、团支书就是这些人</a:t>
            </a:r>
            <a:r>
              <a:rPr lang="en-US" altLang="zh-CN" dirty="0">
                <a:solidFill>
                  <a:schemeClr val="bg1"/>
                </a:solidFill>
                <a:latin typeface="Microsoft YaHei UI"/>
                <a:ea typeface="微软雅黑" pitchFamily="34" charset="-122"/>
              </a:rPr>
              <a:t>~</a:t>
            </a:r>
            <a:endParaRPr lang="zh-CN" altLang="en-US" dirty="0">
              <a:solidFill>
                <a:schemeClr val="bg1"/>
              </a:solidFill>
              <a:latin typeface="Microsoft YaHei UI"/>
              <a:ea typeface="微软雅黑" pitchFamily="34" charset="-122"/>
            </a:endParaRPr>
          </a:p>
        </p:txBody>
      </p:sp>
      <p:grpSp>
        <p:nvGrpSpPr>
          <p:cNvPr id="16393" name="组合 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1" name="任意多边形 10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3" name="组合 12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4" name="任意多边形 13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6" name="任意多边形 15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5974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404264" y="1303338"/>
            <a:ext cx="1210588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日常训练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7412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04264" y="4649115"/>
            <a:ext cx="7337425" cy="1421928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当天就开始站军姿，接下来是分步骤训练，每天的训练从早上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6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点开始，到下午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5</a:t>
            </a:r>
            <a:r>
              <a:rPr lang="zh-CN" altLang="en-US" dirty="0">
                <a:solidFill>
                  <a:schemeClr val="bg1"/>
                </a:solidFill>
                <a:latin typeface="+mn-ea"/>
                <a:ea typeface="+mn-ea"/>
              </a:rPr>
              <a:t>点结束。训练动作分为站军姿、看齐、转身、齐步走、列队跑。训练主要要求动作的规范性和整齐度，还注重培养大家的纪律意识和团队精神。对了，会发一个胸牌，要求军训期间天天必须带</a:t>
            </a:r>
            <a:r>
              <a:rPr lang="en-US" altLang="zh-CN" dirty="0">
                <a:solidFill>
                  <a:schemeClr val="bg1"/>
                </a:solidFill>
                <a:latin typeface="+mn-ea"/>
                <a:ea typeface="+mn-ea"/>
              </a:rPr>
              <a:t>~</a:t>
            </a:r>
            <a:endParaRPr lang="zh-CN" altLang="en-US" spc="3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pic>
        <p:nvPicPr>
          <p:cNvPr id="17416" name="图片 13"/>
          <p:cNvPicPr>
            <a:picLocks noChangeAspect="1"/>
          </p:cNvPicPr>
          <p:nvPr/>
        </p:nvPicPr>
        <p:blipFill>
          <a:blip r:embed="rId2"/>
          <a:srcRect l="3125" t="15430" r="3125" b="197"/>
          <a:stretch>
            <a:fillRect/>
          </a:stretch>
        </p:blipFill>
        <p:spPr bwMode="auto">
          <a:xfrm>
            <a:off x="4610100" y="1897063"/>
            <a:ext cx="4175125" cy="25050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17417" name="组合 11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6" name="任意多边形 15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775" y="1931161"/>
            <a:ext cx="3714023" cy="2470977"/>
          </a:xfrm>
          <a:prstGeom prst="rect">
            <a:avLst/>
          </a:prstGeom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12838"/>
            <a:ext cx="8548687" cy="51800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6" name="矩形 5"/>
          <p:cNvSpPr/>
          <p:nvPr/>
        </p:nvSpPr>
        <p:spPr>
          <a:xfrm>
            <a:off x="412014" y="1298575"/>
            <a:ext cx="1210588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军训生活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8435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18437" name="组合 2"/>
          <p:cNvGrpSpPr>
            <a:grpSpLocks/>
          </p:cNvGrpSpPr>
          <p:nvPr/>
        </p:nvGrpSpPr>
        <p:grpSpPr bwMode="auto">
          <a:xfrm>
            <a:off x="358775" y="4533296"/>
            <a:ext cx="8426450" cy="1569660"/>
            <a:chOff x="358775" y="4533306"/>
            <a:chExt cx="8426450" cy="1569397"/>
          </a:xfrm>
        </p:grpSpPr>
        <p:sp>
          <p:nvSpPr>
            <p:cNvPr id="2" name="矩形 1"/>
            <p:cNvSpPr/>
            <p:nvPr/>
          </p:nvSpPr>
          <p:spPr>
            <a:xfrm>
              <a:off x="358775" y="4597400"/>
              <a:ext cx="8426450" cy="1441209"/>
            </a:xfrm>
            <a:prstGeom prst="rect">
              <a:avLst/>
            </a:prstGeom>
            <a:solidFill>
              <a:schemeClr val="accent6"/>
            </a:solidFill>
            <a:ln>
              <a:solidFill>
                <a:schemeClr val="accent6"/>
              </a:solidFill>
              <a:prstDash val="dash"/>
            </a:ln>
          </p:spPr>
          <p:txBody>
            <a:bodyPr anchor="ctr"/>
            <a:lstStyle/>
            <a:p>
              <a:pPr fontAlgn="auto">
                <a:lnSpc>
                  <a:spcPct val="13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altLang="zh-CN" sz="2000" dirty="0">
                <a:solidFill>
                  <a:schemeClr val="bg1"/>
                </a:solidFill>
                <a:latin typeface="+mn-ea"/>
                <a:ea typeface="+mn-ea"/>
              </a:endParaRPr>
            </a:p>
          </p:txBody>
        </p:sp>
        <p:sp>
          <p:nvSpPr>
            <p:cNvPr id="8" name="矩形 7"/>
            <p:cNvSpPr/>
            <p:nvPr/>
          </p:nvSpPr>
          <p:spPr>
            <a:xfrm>
              <a:off x="358775" y="4533306"/>
              <a:ext cx="6858000" cy="1569397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fontAlgn="auto">
                <a:lnSpc>
                  <a:spcPct val="12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zh-CN" altLang="en-US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军训期间很多基础设施不是特别方便</a:t>
              </a:r>
              <a:r>
                <a:rPr lang="en-US" altLang="zh-CN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~</a:t>
              </a:r>
              <a:r>
                <a:rPr lang="zh-CN" altLang="en-US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希望大家有心理准备，最不方便的应该是洗澡，忍受不了那漫长的队伍就在宿舍洗吧，其次是食堂略拥挤。还有晚上手机基本是没信号的</a:t>
              </a:r>
              <a:r>
                <a:rPr lang="en-US" altLang="zh-CN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~</a:t>
              </a:r>
              <a:r>
                <a:rPr lang="zh-CN" altLang="en-US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联通可能好点</a:t>
              </a:r>
              <a:r>
                <a:rPr lang="en-US" altLang="zh-CN" sz="2000" spc="300" dirty="0">
                  <a:solidFill>
                    <a:schemeClr val="bg1"/>
                  </a:solidFill>
                  <a:latin typeface="+mn-lt"/>
                  <a:ea typeface="+mn-ea"/>
                </a:rPr>
                <a:t>~</a:t>
              </a:r>
              <a:endParaRPr lang="zh-CN" altLang="en-US" sz="2000" spc="300" dirty="0">
                <a:solidFill>
                  <a:schemeClr val="bg1"/>
                </a:solidFill>
                <a:latin typeface="+mn-lt"/>
                <a:ea typeface="+mn-ea"/>
              </a:endParaRPr>
            </a:p>
          </p:txBody>
        </p:sp>
      </p:grpSp>
      <p:grpSp>
        <p:nvGrpSpPr>
          <p:cNvPr id="18438" name="组合 11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6" name="任意多边形 15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18439" name="图片 6"/>
          <p:cNvPicPr>
            <a:picLocks noChangeAspect="1"/>
          </p:cNvPicPr>
          <p:nvPr/>
        </p:nvPicPr>
        <p:blipFill>
          <a:blip r:embed="rId2"/>
          <a:srcRect l="1028" t="856" r="905" b="55472"/>
          <a:stretch>
            <a:fillRect/>
          </a:stretch>
        </p:blipFill>
        <p:spPr bwMode="auto">
          <a:xfrm>
            <a:off x="358775" y="1856111"/>
            <a:ext cx="4338638" cy="2654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8440" name="图片 8"/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4764088" y="1793875"/>
            <a:ext cx="3971925" cy="26479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25" name="Picture 1" descr="C:\Users\Administrator\Documents\Tencent Files\924279579\Image\Group\Image5\FTHO2QTSISJ~_V5T`{]OM8L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59091" y="1878039"/>
            <a:ext cx="2082652" cy="15127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0003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358775" y="45974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488950" y="1287463"/>
            <a:ext cx="697627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方队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19460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grpSp>
        <p:nvGrpSpPr>
          <p:cNvPr id="19464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950" y="1789540"/>
            <a:ext cx="2014026" cy="1310640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8218" y="1789541"/>
            <a:ext cx="2185260" cy="1310640"/>
          </a:xfrm>
          <a:prstGeom prst="rect">
            <a:avLst/>
          </a:prstGeom>
        </p:spPr>
      </p:pic>
      <p:pic>
        <p:nvPicPr>
          <p:cNvPr id="9" name="图片 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950" y="3177642"/>
            <a:ext cx="2490807" cy="1350017"/>
          </a:xfrm>
          <a:prstGeom prst="rect">
            <a:avLst/>
          </a:prstGeom>
        </p:spPr>
      </p:pic>
      <p:pic>
        <p:nvPicPr>
          <p:cNvPr id="11" name="图片 10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6080" y="1789541"/>
            <a:ext cx="3789933" cy="2738118"/>
          </a:xfrm>
          <a:prstGeom prst="rect">
            <a:avLst/>
          </a:prstGeom>
        </p:spPr>
      </p:pic>
      <p:pic>
        <p:nvPicPr>
          <p:cNvPr id="12" name="图片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6251" y="3195620"/>
            <a:ext cx="1872515" cy="1332039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382399" y="4703316"/>
            <a:ext cx="7160217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方队应该是军训最累的了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~</a:t>
            </a:r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不过相应的，方队一般</a:t>
            </a:r>
            <a:r>
              <a:rPr lang="zh-CN" altLang="en-US" sz="2400" dirty="0">
                <a:solidFill>
                  <a:schemeClr val="bg1"/>
                </a:solidFill>
                <a:latin typeface="+mn-ea"/>
                <a:ea typeface="+mn-ea"/>
              </a:rPr>
              <a:t>成绩</a:t>
            </a:r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也是最高的，想拿高分的就好好训练吧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~</a:t>
            </a:r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还有一定别让教官因为一些小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(</a:t>
            </a:r>
            <a:r>
              <a:rPr lang="en-US" altLang="zh-CN" sz="2000" dirty="0" err="1">
                <a:solidFill>
                  <a:schemeClr val="bg1"/>
                </a:solidFill>
                <a:latin typeface="+mn-ea"/>
                <a:ea typeface="+mn-ea"/>
              </a:rPr>
              <a:t>dao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)</a:t>
            </a:r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事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(</a:t>
            </a:r>
            <a:r>
              <a:rPr lang="en-US" altLang="zh-CN" sz="2000" dirty="0" err="1">
                <a:solidFill>
                  <a:schemeClr val="bg1"/>
                </a:solidFill>
                <a:latin typeface="+mn-ea"/>
                <a:ea typeface="+mn-ea"/>
              </a:rPr>
              <a:t>dan</a:t>
            </a:r>
            <a:r>
              <a:rPr lang="en-US" altLang="zh-CN" sz="2000" dirty="0">
                <a:solidFill>
                  <a:schemeClr val="bg1"/>
                </a:solidFill>
                <a:latin typeface="+mn-ea"/>
                <a:ea typeface="+mn-ea"/>
              </a:rPr>
              <a:t>)</a:t>
            </a:r>
            <a:r>
              <a:rPr lang="zh-CN" altLang="en-US" sz="2000" dirty="0">
                <a:solidFill>
                  <a:schemeClr val="bg1"/>
                </a:solidFill>
                <a:latin typeface="+mn-ea"/>
                <a:ea typeface="+mn-ea"/>
              </a:rPr>
              <a:t>记住你。</a:t>
            </a: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圆角矩形 14"/>
          <p:cNvSpPr/>
          <p:nvPr/>
        </p:nvSpPr>
        <p:spPr>
          <a:xfrm>
            <a:off x="353448" y="1125538"/>
            <a:ext cx="8548687" cy="5167312"/>
          </a:xfrm>
          <a:prstGeom prst="roundRect">
            <a:avLst>
              <a:gd name="adj" fmla="val 4073"/>
            </a:avLst>
          </a:prstGeom>
          <a:solidFill>
            <a:schemeClr val="bg1"/>
          </a:solidFill>
          <a:ln>
            <a:solidFill>
              <a:srgbClr val="00B050"/>
            </a:solidFill>
            <a:prstDash val="dash"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414566" y="4610100"/>
            <a:ext cx="8426450" cy="144145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  <a:prstDash val="dash"/>
          </a:ln>
        </p:spPr>
        <p:txBody>
          <a:bodyPr anchor="ctr"/>
          <a:lstStyle/>
          <a:p>
            <a:pPr fontAlgn="auto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defRPr/>
            </a:pPr>
            <a:endParaRPr lang="en-US" altLang="zh-CN" sz="2000" dirty="0">
              <a:solidFill>
                <a:schemeClr val="bg1"/>
              </a:solidFill>
              <a:latin typeface="+mn-ea"/>
              <a:ea typeface="+mn-ea"/>
            </a:endParaRPr>
          </a:p>
        </p:txBody>
      </p:sp>
      <p:sp>
        <p:nvSpPr>
          <p:cNvPr id="6" name="矩形 5"/>
          <p:cNvSpPr/>
          <p:nvPr/>
        </p:nvSpPr>
        <p:spPr>
          <a:xfrm>
            <a:off x="488582" y="1287463"/>
            <a:ext cx="954107" cy="4322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fontAlgn="auto">
              <a:lnSpc>
                <a:spcPts val="29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z="2000" b="1" kern="100" dirty="0">
                <a:solidFill>
                  <a:prstClr val="black"/>
                </a:solidFill>
                <a:latin typeface="+mj-ea"/>
                <a:ea typeface="+mj-ea"/>
                <a:cs typeface="Times New Roman" panose="02020603050405020304" pitchFamily="18" charset="0"/>
              </a:rPr>
              <a:t>旗语队</a:t>
            </a:r>
            <a:endParaRPr lang="zh-CN" altLang="zh-CN" sz="1200" kern="100" dirty="0">
              <a:solidFill>
                <a:prstClr val="black"/>
              </a:solidFill>
              <a:latin typeface="+mj-ea"/>
              <a:ea typeface="+mj-ea"/>
              <a:cs typeface="Times New Roman" panose="02020603050405020304" pitchFamily="18" charset="0"/>
            </a:endParaRPr>
          </a:p>
        </p:txBody>
      </p:sp>
      <p:sp>
        <p:nvSpPr>
          <p:cNvPr id="20484" name="矩形 3"/>
          <p:cNvSpPr>
            <a:spLocks noChangeArrowheads="1"/>
          </p:cNvSpPr>
          <p:nvPr/>
        </p:nvSpPr>
        <p:spPr bwMode="auto">
          <a:xfrm>
            <a:off x="358775" y="93663"/>
            <a:ext cx="274947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zh-CN" altLang="en-US" sz="4000" b="1" dirty="0">
                <a:latin typeface="Microsoft YaHei UI"/>
                <a:ea typeface="微软雅黑" pitchFamily="34" charset="-122"/>
              </a:rPr>
              <a:t>军训进行时</a:t>
            </a:r>
          </a:p>
        </p:txBody>
      </p:sp>
      <p:sp>
        <p:nvSpPr>
          <p:cNvPr id="5" name="矩形 4"/>
          <p:cNvSpPr/>
          <p:nvPr/>
        </p:nvSpPr>
        <p:spPr>
          <a:xfrm>
            <a:off x="0" y="0"/>
            <a:ext cx="358775" cy="801688"/>
          </a:xfrm>
          <a:prstGeom prst="rect">
            <a:avLst/>
          </a:prstGeom>
          <a:ln>
            <a:noFill/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488582" y="4728958"/>
            <a:ext cx="7337425" cy="1200329"/>
          </a:xfrm>
          <a:prstGeom prst="rect">
            <a:avLst/>
          </a:prstGeom>
        </p:spPr>
        <p:txBody>
          <a:bodyPr>
            <a:spAutoFit/>
          </a:bodyPr>
          <a:lstStyle/>
          <a:p>
            <a:pPr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这个应该算是男生</a:t>
            </a:r>
            <a:r>
              <a:rPr lang="zh-CN" altLang="en-US" sz="2400" spc="300" dirty="0">
                <a:solidFill>
                  <a:schemeClr val="bg1"/>
                </a:solidFill>
                <a:latin typeface="+mn-lt"/>
                <a:ea typeface="+mn-ea"/>
              </a:rPr>
              <a:t>性价比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最高的一个方队了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分比飞虎队高，比方队轻松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~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唯一比较蛋疼的地方就是可能要跳一些奇葩的东西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r>
              <a:rPr lang="zh-CN" altLang="en-US" spc="300" dirty="0">
                <a:solidFill>
                  <a:schemeClr val="bg1"/>
                </a:solidFill>
                <a:latin typeface="+mn-lt"/>
                <a:ea typeface="+mn-ea"/>
              </a:rPr>
              <a:t>譬如我们那一届的小苹果</a:t>
            </a:r>
            <a:r>
              <a:rPr lang="en-US" altLang="zh-CN" spc="300" dirty="0">
                <a:solidFill>
                  <a:schemeClr val="bg1"/>
                </a:solidFill>
                <a:latin typeface="+mn-lt"/>
                <a:ea typeface="+mn-ea"/>
              </a:rPr>
              <a:t>…</a:t>
            </a:r>
            <a:endParaRPr lang="zh-CN" altLang="en-US" spc="300" dirty="0">
              <a:solidFill>
                <a:schemeClr val="bg1"/>
              </a:solidFill>
              <a:latin typeface="+mn-lt"/>
              <a:ea typeface="+mn-ea"/>
            </a:endParaRPr>
          </a:p>
        </p:txBody>
      </p:sp>
      <p:grpSp>
        <p:nvGrpSpPr>
          <p:cNvPr id="20487" name="组合 12"/>
          <p:cNvGrpSpPr>
            <a:grpSpLocks/>
          </p:cNvGrpSpPr>
          <p:nvPr/>
        </p:nvGrpSpPr>
        <p:grpSpPr bwMode="auto">
          <a:xfrm>
            <a:off x="7796213" y="5241925"/>
            <a:ext cx="939800" cy="687388"/>
            <a:chOff x="7795870" y="5241671"/>
            <a:chExt cx="940572" cy="687626"/>
          </a:xfrm>
        </p:grpSpPr>
        <p:sp>
          <p:nvSpPr>
            <p:cNvPr id="14" name="任意多边形 13"/>
            <p:cNvSpPr/>
            <p:nvPr/>
          </p:nvSpPr>
          <p:spPr>
            <a:xfrm>
              <a:off x="8259801" y="5513228"/>
              <a:ext cx="476641" cy="416069"/>
            </a:xfrm>
            <a:custGeom>
              <a:avLst/>
              <a:gdLst/>
              <a:ahLst/>
              <a:cxnLst/>
              <a:rect l="l" t="t" r="r" b="b"/>
              <a:pathLst>
                <a:path w="3217602" h="2809018">
                  <a:moveTo>
                    <a:pt x="1537663" y="0"/>
                  </a:moveTo>
                  <a:cubicBezTo>
                    <a:pt x="1614273" y="0"/>
                    <a:pt x="1697570" y="10336"/>
                    <a:pt x="1787557" y="31009"/>
                  </a:cubicBezTo>
                  <a:cubicBezTo>
                    <a:pt x="1877542" y="51681"/>
                    <a:pt x="1922535" y="102146"/>
                    <a:pt x="1922535" y="182404"/>
                  </a:cubicBezTo>
                  <a:cubicBezTo>
                    <a:pt x="1922535" y="221316"/>
                    <a:pt x="1899431" y="260837"/>
                    <a:pt x="1853222" y="300966"/>
                  </a:cubicBezTo>
                  <a:cubicBezTo>
                    <a:pt x="1807012" y="341095"/>
                    <a:pt x="1759587" y="425609"/>
                    <a:pt x="1710947" y="554507"/>
                  </a:cubicBezTo>
                  <a:cubicBezTo>
                    <a:pt x="1859302" y="488842"/>
                    <a:pt x="1973000" y="441417"/>
                    <a:pt x="2052042" y="412232"/>
                  </a:cubicBezTo>
                  <a:cubicBezTo>
                    <a:pt x="2131084" y="383048"/>
                    <a:pt x="2188845" y="368455"/>
                    <a:pt x="2225325" y="368455"/>
                  </a:cubicBezTo>
                  <a:cubicBezTo>
                    <a:pt x="2261806" y="368455"/>
                    <a:pt x="2300111" y="383656"/>
                    <a:pt x="2340240" y="414056"/>
                  </a:cubicBezTo>
                  <a:cubicBezTo>
                    <a:pt x="2380369" y="444457"/>
                    <a:pt x="2433265" y="474249"/>
                    <a:pt x="2498931" y="503434"/>
                  </a:cubicBezTo>
                  <a:cubicBezTo>
                    <a:pt x="2564596" y="532619"/>
                    <a:pt x="2609589" y="567884"/>
                    <a:pt x="2633910" y="609228"/>
                  </a:cubicBezTo>
                  <a:cubicBezTo>
                    <a:pt x="2658231" y="650573"/>
                    <a:pt x="2670390" y="690094"/>
                    <a:pt x="2670390" y="727791"/>
                  </a:cubicBezTo>
                  <a:cubicBezTo>
                    <a:pt x="2670390" y="765488"/>
                    <a:pt x="2661879" y="789200"/>
                    <a:pt x="2644854" y="798928"/>
                  </a:cubicBezTo>
                  <a:cubicBezTo>
                    <a:pt x="2579188" y="830545"/>
                    <a:pt x="2543316" y="875538"/>
                    <a:pt x="2537236" y="933907"/>
                  </a:cubicBezTo>
                  <a:cubicBezTo>
                    <a:pt x="2531155" y="992276"/>
                    <a:pt x="2511091" y="1078006"/>
                    <a:pt x="2477042" y="1191096"/>
                  </a:cubicBezTo>
                  <a:cubicBezTo>
                    <a:pt x="2442994" y="1304187"/>
                    <a:pt x="2402866" y="1410589"/>
                    <a:pt x="2356656" y="1510303"/>
                  </a:cubicBezTo>
                  <a:cubicBezTo>
                    <a:pt x="2349360" y="1527327"/>
                    <a:pt x="2345712" y="1543136"/>
                    <a:pt x="2345712" y="1557728"/>
                  </a:cubicBezTo>
                  <a:cubicBezTo>
                    <a:pt x="2345712" y="1594209"/>
                    <a:pt x="2359089" y="1612449"/>
                    <a:pt x="2385841" y="1612449"/>
                  </a:cubicBezTo>
                  <a:cubicBezTo>
                    <a:pt x="2412593" y="1612449"/>
                    <a:pt x="2432050" y="1625825"/>
                    <a:pt x="2444210" y="1652578"/>
                  </a:cubicBezTo>
                  <a:cubicBezTo>
                    <a:pt x="2456370" y="1679330"/>
                    <a:pt x="2462450" y="1708515"/>
                    <a:pt x="2462450" y="1740132"/>
                  </a:cubicBezTo>
                  <a:cubicBezTo>
                    <a:pt x="2462450" y="1771748"/>
                    <a:pt x="2449682" y="1810661"/>
                    <a:pt x="2424146" y="1856870"/>
                  </a:cubicBezTo>
                  <a:cubicBezTo>
                    <a:pt x="2398609" y="1903079"/>
                    <a:pt x="2366385" y="1949288"/>
                    <a:pt x="2327471" y="1995497"/>
                  </a:cubicBezTo>
                  <a:cubicBezTo>
                    <a:pt x="2317743" y="2005225"/>
                    <a:pt x="2312879" y="2016777"/>
                    <a:pt x="2312879" y="2030154"/>
                  </a:cubicBezTo>
                  <a:cubicBezTo>
                    <a:pt x="2312879" y="2043530"/>
                    <a:pt x="2318351" y="2050218"/>
                    <a:pt x="2329296" y="2050218"/>
                  </a:cubicBezTo>
                  <a:cubicBezTo>
                    <a:pt x="2340240" y="2050218"/>
                    <a:pt x="2363952" y="2043530"/>
                    <a:pt x="2400433" y="2030154"/>
                  </a:cubicBezTo>
                  <a:cubicBezTo>
                    <a:pt x="2436914" y="2016777"/>
                    <a:pt x="2457587" y="1998537"/>
                    <a:pt x="2462450" y="1975432"/>
                  </a:cubicBezTo>
                  <a:cubicBezTo>
                    <a:pt x="2467314" y="1952328"/>
                    <a:pt x="2483123" y="1932872"/>
                    <a:pt x="2509875" y="1917063"/>
                  </a:cubicBezTo>
                  <a:cubicBezTo>
                    <a:pt x="2536628" y="1901255"/>
                    <a:pt x="2559733" y="1893351"/>
                    <a:pt x="2579188" y="1893351"/>
                  </a:cubicBezTo>
                  <a:cubicBezTo>
                    <a:pt x="2622965" y="1893351"/>
                    <a:pt x="2657622" y="1915847"/>
                    <a:pt x="2683159" y="1960840"/>
                  </a:cubicBezTo>
                  <a:cubicBezTo>
                    <a:pt x="2708695" y="2005833"/>
                    <a:pt x="2721464" y="2048394"/>
                    <a:pt x="2721464" y="2088523"/>
                  </a:cubicBezTo>
                  <a:cubicBezTo>
                    <a:pt x="2721464" y="2128652"/>
                    <a:pt x="2697751" y="2177293"/>
                    <a:pt x="2650326" y="2234446"/>
                  </a:cubicBezTo>
                  <a:cubicBezTo>
                    <a:pt x="2602901" y="2291599"/>
                    <a:pt x="2569460" y="2320176"/>
                    <a:pt x="2550004" y="2320176"/>
                  </a:cubicBezTo>
                  <a:cubicBezTo>
                    <a:pt x="2537844" y="2320176"/>
                    <a:pt x="2525683" y="2309839"/>
                    <a:pt x="2513523" y="2289167"/>
                  </a:cubicBezTo>
                  <a:cubicBezTo>
                    <a:pt x="2501364" y="2268495"/>
                    <a:pt x="2487987" y="2253902"/>
                    <a:pt x="2473394" y="2245390"/>
                  </a:cubicBezTo>
                  <a:cubicBezTo>
                    <a:pt x="2458802" y="2236878"/>
                    <a:pt x="2441170" y="2232622"/>
                    <a:pt x="2420498" y="2232622"/>
                  </a:cubicBezTo>
                  <a:cubicBezTo>
                    <a:pt x="2399824" y="2232622"/>
                    <a:pt x="2372464" y="2241742"/>
                    <a:pt x="2338416" y="2259982"/>
                  </a:cubicBezTo>
                  <a:cubicBezTo>
                    <a:pt x="2304367" y="2278223"/>
                    <a:pt x="2276398" y="2298287"/>
                    <a:pt x="2254510" y="2320176"/>
                  </a:cubicBezTo>
                  <a:cubicBezTo>
                    <a:pt x="2232622" y="2342064"/>
                    <a:pt x="2215597" y="2356656"/>
                    <a:pt x="2203437" y="2363952"/>
                  </a:cubicBezTo>
                  <a:cubicBezTo>
                    <a:pt x="2191277" y="2371249"/>
                    <a:pt x="2170604" y="2374897"/>
                    <a:pt x="2141420" y="2374897"/>
                  </a:cubicBezTo>
                  <a:cubicBezTo>
                    <a:pt x="2112235" y="2374897"/>
                    <a:pt x="2084266" y="2352400"/>
                    <a:pt x="2057514" y="2307407"/>
                  </a:cubicBezTo>
                  <a:cubicBezTo>
                    <a:pt x="2030761" y="2262414"/>
                    <a:pt x="2017385" y="2208301"/>
                    <a:pt x="2017385" y="2145068"/>
                  </a:cubicBezTo>
                  <a:cubicBezTo>
                    <a:pt x="2017385" y="2081835"/>
                    <a:pt x="2040489" y="2035626"/>
                    <a:pt x="2086699" y="2006441"/>
                  </a:cubicBezTo>
                  <a:cubicBezTo>
                    <a:pt x="2132908" y="1977256"/>
                    <a:pt x="2177900" y="1925575"/>
                    <a:pt x="2221677" y="1851398"/>
                  </a:cubicBezTo>
                  <a:cubicBezTo>
                    <a:pt x="2265454" y="1777220"/>
                    <a:pt x="2292207" y="1702435"/>
                    <a:pt x="2301935" y="1627041"/>
                  </a:cubicBezTo>
                  <a:cubicBezTo>
                    <a:pt x="2214381" y="1612449"/>
                    <a:pt x="2156012" y="1600897"/>
                    <a:pt x="2126827" y="1592384"/>
                  </a:cubicBezTo>
                  <a:cubicBezTo>
                    <a:pt x="2097643" y="1583872"/>
                    <a:pt x="2083051" y="1575360"/>
                    <a:pt x="2083051" y="1566848"/>
                  </a:cubicBezTo>
                  <a:cubicBezTo>
                    <a:pt x="2083051" y="1558336"/>
                    <a:pt x="2085483" y="1550432"/>
                    <a:pt x="2090347" y="1543136"/>
                  </a:cubicBezTo>
                  <a:cubicBezTo>
                    <a:pt x="2078187" y="1518815"/>
                    <a:pt x="2056298" y="1506655"/>
                    <a:pt x="2024681" y="1506655"/>
                  </a:cubicBezTo>
                  <a:cubicBezTo>
                    <a:pt x="1993064" y="1506655"/>
                    <a:pt x="1955368" y="1518815"/>
                    <a:pt x="1911591" y="1543136"/>
                  </a:cubicBezTo>
                  <a:cubicBezTo>
                    <a:pt x="1867814" y="1567456"/>
                    <a:pt x="1838630" y="1597857"/>
                    <a:pt x="1824037" y="1634337"/>
                  </a:cubicBezTo>
                  <a:cubicBezTo>
                    <a:pt x="1901862" y="1634337"/>
                    <a:pt x="1961448" y="1644674"/>
                    <a:pt x="2002793" y="1665346"/>
                  </a:cubicBezTo>
                  <a:cubicBezTo>
                    <a:pt x="2044137" y="1686018"/>
                    <a:pt x="2064810" y="1710339"/>
                    <a:pt x="2064810" y="1738307"/>
                  </a:cubicBezTo>
                  <a:cubicBezTo>
                    <a:pt x="2064810" y="1766276"/>
                    <a:pt x="2057514" y="1791205"/>
                    <a:pt x="2042922" y="1813093"/>
                  </a:cubicBezTo>
                  <a:cubicBezTo>
                    <a:pt x="1962664" y="1932264"/>
                    <a:pt x="1903079" y="2024073"/>
                    <a:pt x="1864166" y="2088523"/>
                  </a:cubicBezTo>
                  <a:cubicBezTo>
                    <a:pt x="1825253" y="2152972"/>
                    <a:pt x="1800933" y="2197965"/>
                    <a:pt x="1791205" y="2223502"/>
                  </a:cubicBezTo>
                  <a:cubicBezTo>
                    <a:pt x="1781476" y="2249038"/>
                    <a:pt x="1776612" y="2276399"/>
                    <a:pt x="1776612" y="2305583"/>
                  </a:cubicBezTo>
                  <a:cubicBezTo>
                    <a:pt x="1776612" y="2422322"/>
                    <a:pt x="1824646" y="2495283"/>
                    <a:pt x="1920711" y="2524468"/>
                  </a:cubicBezTo>
                  <a:cubicBezTo>
                    <a:pt x="2016777" y="2553652"/>
                    <a:pt x="2141420" y="2568245"/>
                    <a:pt x="2294639" y="2568245"/>
                  </a:cubicBezTo>
                  <a:cubicBezTo>
                    <a:pt x="2605941" y="2568245"/>
                    <a:pt x="2800506" y="2529332"/>
                    <a:pt x="2878331" y="2451506"/>
                  </a:cubicBezTo>
                  <a:cubicBezTo>
                    <a:pt x="2956156" y="2373681"/>
                    <a:pt x="3004798" y="2241134"/>
                    <a:pt x="3024254" y="2053866"/>
                  </a:cubicBezTo>
                  <a:cubicBezTo>
                    <a:pt x="3029117" y="2005225"/>
                    <a:pt x="3036414" y="1980905"/>
                    <a:pt x="3046143" y="1980905"/>
                  </a:cubicBezTo>
                  <a:cubicBezTo>
                    <a:pt x="3063167" y="1980905"/>
                    <a:pt x="3095999" y="2070282"/>
                    <a:pt x="3144641" y="2249038"/>
                  </a:cubicBezTo>
                  <a:cubicBezTo>
                    <a:pt x="3193281" y="2427794"/>
                    <a:pt x="3217602" y="2546964"/>
                    <a:pt x="3217602" y="2606549"/>
                  </a:cubicBezTo>
                  <a:cubicBezTo>
                    <a:pt x="3217602" y="2666134"/>
                    <a:pt x="3202401" y="2706872"/>
                    <a:pt x="3172001" y="2728760"/>
                  </a:cubicBezTo>
                  <a:cubicBezTo>
                    <a:pt x="3141601" y="2750648"/>
                    <a:pt x="3033374" y="2769497"/>
                    <a:pt x="2847322" y="2785305"/>
                  </a:cubicBezTo>
                  <a:cubicBezTo>
                    <a:pt x="2661270" y="2801113"/>
                    <a:pt x="2484338" y="2809018"/>
                    <a:pt x="2316527" y="2809018"/>
                  </a:cubicBezTo>
                  <a:cubicBezTo>
                    <a:pt x="2148716" y="2809018"/>
                    <a:pt x="2016169" y="2787129"/>
                    <a:pt x="1918887" y="2743352"/>
                  </a:cubicBezTo>
                  <a:cubicBezTo>
                    <a:pt x="1821605" y="2699575"/>
                    <a:pt x="1741955" y="2644854"/>
                    <a:pt x="1679938" y="2579189"/>
                  </a:cubicBezTo>
                  <a:cubicBezTo>
                    <a:pt x="1617921" y="2513523"/>
                    <a:pt x="1586912" y="2442994"/>
                    <a:pt x="1586912" y="2367600"/>
                  </a:cubicBezTo>
                  <a:cubicBezTo>
                    <a:pt x="1586912" y="2292207"/>
                    <a:pt x="1602721" y="2213773"/>
                    <a:pt x="1634337" y="2132300"/>
                  </a:cubicBezTo>
                  <a:cubicBezTo>
                    <a:pt x="1665954" y="2050826"/>
                    <a:pt x="1697570" y="1989417"/>
                    <a:pt x="1729187" y="1948072"/>
                  </a:cubicBezTo>
                  <a:cubicBezTo>
                    <a:pt x="1760804" y="1906727"/>
                    <a:pt x="1784517" y="1866598"/>
                    <a:pt x="1800324" y="1827685"/>
                  </a:cubicBezTo>
                  <a:cubicBezTo>
                    <a:pt x="1816133" y="1788773"/>
                    <a:pt x="1824037" y="1760196"/>
                    <a:pt x="1824037" y="1741956"/>
                  </a:cubicBezTo>
                  <a:cubicBezTo>
                    <a:pt x="1824037" y="1723715"/>
                    <a:pt x="1816133" y="1714595"/>
                    <a:pt x="1800324" y="1714595"/>
                  </a:cubicBezTo>
                  <a:cubicBezTo>
                    <a:pt x="1784517" y="1714595"/>
                    <a:pt x="1770532" y="1725539"/>
                    <a:pt x="1758372" y="1747428"/>
                  </a:cubicBezTo>
                  <a:cubicBezTo>
                    <a:pt x="1714595" y="1825253"/>
                    <a:pt x="1630081" y="1934696"/>
                    <a:pt x="1504831" y="2075755"/>
                  </a:cubicBezTo>
                  <a:cubicBezTo>
                    <a:pt x="1379580" y="2216813"/>
                    <a:pt x="1256762" y="2342672"/>
                    <a:pt x="1136375" y="2453330"/>
                  </a:cubicBezTo>
                  <a:cubicBezTo>
                    <a:pt x="1015989" y="2563988"/>
                    <a:pt x="949715" y="2621750"/>
                    <a:pt x="937555" y="2626614"/>
                  </a:cubicBezTo>
                  <a:cubicBezTo>
                    <a:pt x="925395" y="2631478"/>
                    <a:pt x="915667" y="2633910"/>
                    <a:pt x="908371" y="2633910"/>
                  </a:cubicBezTo>
                  <a:cubicBezTo>
                    <a:pt x="871890" y="2633910"/>
                    <a:pt x="853650" y="2609589"/>
                    <a:pt x="853650" y="2560948"/>
                  </a:cubicBezTo>
                  <a:cubicBezTo>
                    <a:pt x="853650" y="2526900"/>
                    <a:pt x="865810" y="2496499"/>
                    <a:pt x="890130" y="2469746"/>
                  </a:cubicBezTo>
                  <a:cubicBezTo>
                    <a:pt x="1208729" y="2131692"/>
                    <a:pt x="1382620" y="1915239"/>
                    <a:pt x="1411805" y="1820389"/>
                  </a:cubicBezTo>
                  <a:cubicBezTo>
                    <a:pt x="1309658" y="1876326"/>
                    <a:pt x="1234265" y="1904295"/>
                    <a:pt x="1185624" y="1904295"/>
                  </a:cubicBezTo>
                  <a:cubicBezTo>
                    <a:pt x="1122391" y="1904295"/>
                    <a:pt x="1073750" y="1850790"/>
                    <a:pt x="1039701" y="1743780"/>
                  </a:cubicBezTo>
                  <a:cubicBezTo>
                    <a:pt x="930259" y="1763236"/>
                    <a:pt x="820209" y="1816741"/>
                    <a:pt x="709551" y="1904295"/>
                  </a:cubicBezTo>
                  <a:cubicBezTo>
                    <a:pt x="598892" y="1991849"/>
                    <a:pt x="543563" y="2052650"/>
                    <a:pt x="543563" y="2086699"/>
                  </a:cubicBezTo>
                  <a:cubicBezTo>
                    <a:pt x="543563" y="2145068"/>
                    <a:pt x="509514" y="2174253"/>
                    <a:pt x="441417" y="2174253"/>
                  </a:cubicBezTo>
                  <a:cubicBezTo>
                    <a:pt x="373320" y="2174253"/>
                    <a:pt x="318599" y="2142636"/>
                    <a:pt x="277254" y="2079403"/>
                  </a:cubicBezTo>
                  <a:cubicBezTo>
                    <a:pt x="235909" y="2016169"/>
                    <a:pt x="215236" y="1940776"/>
                    <a:pt x="215236" y="1853222"/>
                  </a:cubicBezTo>
                  <a:cubicBezTo>
                    <a:pt x="215236" y="1836198"/>
                    <a:pt x="217668" y="1814309"/>
                    <a:pt x="222532" y="1787556"/>
                  </a:cubicBezTo>
                  <a:cubicBezTo>
                    <a:pt x="227397" y="1760804"/>
                    <a:pt x="243813" y="1730403"/>
                    <a:pt x="271782" y="1696355"/>
                  </a:cubicBezTo>
                  <a:cubicBezTo>
                    <a:pt x="299750" y="1662306"/>
                    <a:pt x="381832" y="1545568"/>
                    <a:pt x="518026" y="1346140"/>
                  </a:cubicBezTo>
                  <a:cubicBezTo>
                    <a:pt x="411016" y="1414237"/>
                    <a:pt x="282118" y="1507871"/>
                    <a:pt x="131331" y="1627041"/>
                  </a:cubicBezTo>
                  <a:cubicBezTo>
                    <a:pt x="121603" y="1634337"/>
                    <a:pt x="113090" y="1637985"/>
                    <a:pt x="105794" y="1637985"/>
                  </a:cubicBezTo>
                  <a:cubicBezTo>
                    <a:pt x="76609" y="1637985"/>
                    <a:pt x="51681" y="1608801"/>
                    <a:pt x="31008" y="1550432"/>
                  </a:cubicBezTo>
                  <a:cubicBezTo>
                    <a:pt x="10336" y="1492063"/>
                    <a:pt x="0" y="1433085"/>
                    <a:pt x="0" y="1373500"/>
                  </a:cubicBezTo>
                  <a:cubicBezTo>
                    <a:pt x="0" y="1313915"/>
                    <a:pt x="11552" y="1273786"/>
                    <a:pt x="34656" y="1253114"/>
                  </a:cubicBezTo>
                  <a:cubicBezTo>
                    <a:pt x="57761" y="1232441"/>
                    <a:pt x="94850" y="1219673"/>
                    <a:pt x="145923" y="1214809"/>
                  </a:cubicBezTo>
                  <a:cubicBezTo>
                    <a:pt x="277254" y="1110231"/>
                    <a:pt x="420745" y="958228"/>
                    <a:pt x="576396" y="758800"/>
                  </a:cubicBezTo>
                  <a:cubicBezTo>
                    <a:pt x="420745" y="581260"/>
                    <a:pt x="342919" y="468169"/>
                    <a:pt x="342919" y="419528"/>
                  </a:cubicBezTo>
                  <a:cubicBezTo>
                    <a:pt x="342919" y="383048"/>
                    <a:pt x="366631" y="370279"/>
                    <a:pt x="414056" y="381224"/>
                  </a:cubicBezTo>
                  <a:cubicBezTo>
                    <a:pt x="461481" y="392168"/>
                    <a:pt x="507082" y="397640"/>
                    <a:pt x="550859" y="397640"/>
                  </a:cubicBezTo>
                  <a:cubicBezTo>
                    <a:pt x="582476" y="397640"/>
                    <a:pt x="637197" y="383656"/>
                    <a:pt x="715023" y="355687"/>
                  </a:cubicBezTo>
                  <a:cubicBezTo>
                    <a:pt x="792848" y="327718"/>
                    <a:pt x="853650" y="299142"/>
                    <a:pt x="897426" y="269957"/>
                  </a:cubicBezTo>
                  <a:cubicBezTo>
                    <a:pt x="916883" y="257797"/>
                    <a:pt x="936947" y="251717"/>
                    <a:pt x="957619" y="251717"/>
                  </a:cubicBezTo>
                  <a:cubicBezTo>
                    <a:pt x="978292" y="251717"/>
                    <a:pt x="1013557" y="274821"/>
                    <a:pt x="1063414" y="321030"/>
                  </a:cubicBezTo>
                  <a:cubicBezTo>
                    <a:pt x="1113270" y="367239"/>
                    <a:pt x="1138199" y="403112"/>
                    <a:pt x="1138199" y="428649"/>
                  </a:cubicBezTo>
                  <a:cubicBezTo>
                    <a:pt x="1138199" y="454185"/>
                    <a:pt x="1130903" y="479722"/>
                    <a:pt x="1116310" y="505258"/>
                  </a:cubicBezTo>
                  <a:cubicBezTo>
                    <a:pt x="1101718" y="530795"/>
                    <a:pt x="1063414" y="578220"/>
                    <a:pt x="1001396" y="647533"/>
                  </a:cubicBezTo>
                  <a:cubicBezTo>
                    <a:pt x="939379" y="716847"/>
                    <a:pt x="863378" y="791024"/>
                    <a:pt x="773392" y="870066"/>
                  </a:cubicBezTo>
                  <a:cubicBezTo>
                    <a:pt x="683406" y="949107"/>
                    <a:pt x="567883" y="1042133"/>
                    <a:pt x="426825" y="1149144"/>
                  </a:cubicBezTo>
                  <a:cubicBezTo>
                    <a:pt x="555724" y="1115095"/>
                    <a:pt x="648141" y="1073750"/>
                    <a:pt x="704079" y="1025109"/>
                  </a:cubicBezTo>
                  <a:cubicBezTo>
                    <a:pt x="711375" y="1005652"/>
                    <a:pt x="730831" y="989844"/>
                    <a:pt x="762448" y="977684"/>
                  </a:cubicBezTo>
                  <a:cubicBezTo>
                    <a:pt x="794064" y="965524"/>
                    <a:pt x="820209" y="959444"/>
                    <a:pt x="840881" y="959444"/>
                  </a:cubicBezTo>
                  <a:cubicBezTo>
                    <a:pt x="861553" y="959444"/>
                    <a:pt x="876754" y="960660"/>
                    <a:pt x="886482" y="963092"/>
                  </a:cubicBezTo>
                  <a:cubicBezTo>
                    <a:pt x="913235" y="955795"/>
                    <a:pt x="937555" y="952147"/>
                    <a:pt x="959444" y="952147"/>
                  </a:cubicBezTo>
                  <a:cubicBezTo>
                    <a:pt x="981332" y="952147"/>
                    <a:pt x="1000788" y="969780"/>
                    <a:pt x="1017813" y="1005045"/>
                  </a:cubicBezTo>
                  <a:cubicBezTo>
                    <a:pt x="1034837" y="1040309"/>
                    <a:pt x="1043349" y="1066454"/>
                    <a:pt x="1043349" y="1083478"/>
                  </a:cubicBezTo>
                  <a:cubicBezTo>
                    <a:pt x="1043349" y="1144279"/>
                    <a:pt x="967956" y="1211161"/>
                    <a:pt x="817169" y="1284122"/>
                  </a:cubicBezTo>
                  <a:cubicBezTo>
                    <a:pt x="717454" y="1488414"/>
                    <a:pt x="618957" y="1636769"/>
                    <a:pt x="521675" y="1729187"/>
                  </a:cubicBezTo>
                  <a:cubicBezTo>
                    <a:pt x="650573" y="1690275"/>
                    <a:pt x="772176" y="1644066"/>
                    <a:pt x="886482" y="1590560"/>
                  </a:cubicBezTo>
                  <a:cubicBezTo>
                    <a:pt x="864594" y="1551648"/>
                    <a:pt x="853650" y="1513343"/>
                    <a:pt x="853650" y="1475646"/>
                  </a:cubicBezTo>
                  <a:cubicBezTo>
                    <a:pt x="853650" y="1437949"/>
                    <a:pt x="866418" y="1406941"/>
                    <a:pt x="891954" y="1382620"/>
                  </a:cubicBezTo>
                  <a:cubicBezTo>
                    <a:pt x="917490" y="1358300"/>
                    <a:pt x="946067" y="1346140"/>
                    <a:pt x="977684" y="1346140"/>
                  </a:cubicBezTo>
                  <a:cubicBezTo>
                    <a:pt x="1053077" y="1346140"/>
                    <a:pt x="1136983" y="1422749"/>
                    <a:pt x="1229401" y="1575968"/>
                  </a:cubicBezTo>
                  <a:cubicBezTo>
                    <a:pt x="1278042" y="1556512"/>
                    <a:pt x="1313306" y="1533407"/>
                    <a:pt x="1335195" y="1506655"/>
                  </a:cubicBezTo>
                  <a:cubicBezTo>
                    <a:pt x="1308442" y="1450718"/>
                    <a:pt x="1289594" y="1401469"/>
                    <a:pt x="1278650" y="1358908"/>
                  </a:cubicBezTo>
                  <a:cubicBezTo>
                    <a:pt x="1267706" y="1316347"/>
                    <a:pt x="1260410" y="1256154"/>
                    <a:pt x="1256762" y="1178328"/>
                  </a:cubicBezTo>
                  <a:cubicBezTo>
                    <a:pt x="1253114" y="1100503"/>
                    <a:pt x="1244601" y="1044565"/>
                    <a:pt x="1231225" y="1010517"/>
                  </a:cubicBezTo>
                  <a:cubicBezTo>
                    <a:pt x="1217849" y="976468"/>
                    <a:pt x="1205080" y="954579"/>
                    <a:pt x="1192920" y="944851"/>
                  </a:cubicBezTo>
                  <a:cubicBezTo>
                    <a:pt x="1163735" y="920531"/>
                    <a:pt x="1149143" y="888914"/>
                    <a:pt x="1149143" y="850001"/>
                  </a:cubicBezTo>
                  <a:cubicBezTo>
                    <a:pt x="1149143" y="789200"/>
                    <a:pt x="1181976" y="735695"/>
                    <a:pt x="1247641" y="689486"/>
                  </a:cubicBezTo>
                  <a:cubicBezTo>
                    <a:pt x="1296282" y="655437"/>
                    <a:pt x="1361948" y="578828"/>
                    <a:pt x="1444637" y="459657"/>
                  </a:cubicBezTo>
                  <a:cubicBezTo>
                    <a:pt x="1527327" y="340487"/>
                    <a:pt x="1568672" y="254149"/>
                    <a:pt x="1568672" y="200644"/>
                  </a:cubicBezTo>
                  <a:cubicBezTo>
                    <a:pt x="1568672" y="178755"/>
                    <a:pt x="1560768" y="158691"/>
                    <a:pt x="1544959" y="140451"/>
                  </a:cubicBezTo>
                  <a:cubicBezTo>
                    <a:pt x="1529151" y="122210"/>
                    <a:pt x="1498142" y="96066"/>
                    <a:pt x="1451933" y="62017"/>
                  </a:cubicBezTo>
                  <a:cubicBezTo>
                    <a:pt x="1432477" y="47425"/>
                    <a:pt x="1422749" y="33441"/>
                    <a:pt x="1422749" y="20064"/>
                  </a:cubicBezTo>
                  <a:cubicBezTo>
                    <a:pt x="1422749" y="6688"/>
                    <a:pt x="1461054" y="0"/>
                    <a:pt x="1537663" y="0"/>
                  </a:cubicBezTo>
                  <a:close/>
                  <a:moveTo>
                    <a:pt x="1546783" y="660301"/>
                  </a:moveTo>
                  <a:cubicBezTo>
                    <a:pt x="1451933" y="711375"/>
                    <a:pt x="1372892" y="744207"/>
                    <a:pt x="1309658" y="758800"/>
                  </a:cubicBezTo>
                  <a:cubicBezTo>
                    <a:pt x="1331547" y="790416"/>
                    <a:pt x="1358300" y="831761"/>
                    <a:pt x="1389916" y="882834"/>
                  </a:cubicBezTo>
                  <a:cubicBezTo>
                    <a:pt x="1426397" y="812305"/>
                    <a:pt x="1478686" y="738127"/>
                    <a:pt x="1546783" y="660301"/>
                  </a:cubicBezTo>
                  <a:close/>
                  <a:moveTo>
                    <a:pt x="1597857" y="766096"/>
                  </a:moveTo>
                  <a:cubicBezTo>
                    <a:pt x="1566240" y="766096"/>
                    <a:pt x="1538271" y="772784"/>
                    <a:pt x="1513951" y="786160"/>
                  </a:cubicBezTo>
                  <a:cubicBezTo>
                    <a:pt x="1489631" y="799536"/>
                    <a:pt x="1470174" y="820817"/>
                    <a:pt x="1455581" y="850001"/>
                  </a:cubicBezTo>
                  <a:cubicBezTo>
                    <a:pt x="1440989" y="879186"/>
                    <a:pt x="1433085" y="908371"/>
                    <a:pt x="1431869" y="937555"/>
                  </a:cubicBezTo>
                  <a:cubicBezTo>
                    <a:pt x="1430653" y="966740"/>
                    <a:pt x="1431261" y="1010517"/>
                    <a:pt x="1433693" y="1068886"/>
                  </a:cubicBezTo>
                  <a:cubicBezTo>
                    <a:pt x="1526111" y="1022677"/>
                    <a:pt x="1618529" y="980116"/>
                    <a:pt x="1710947" y="941203"/>
                  </a:cubicBezTo>
                  <a:cubicBezTo>
                    <a:pt x="1713379" y="894994"/>
                    <a:pt x="1712162" y="842705"/>
                    <a:pt x="1707299" y="784336"/>
                  </a:cubicBezTo>
                  <a:cubicBezTo>
                    <a:pt x="1665954" y="772176"/>
                    <a:pt x="1629473" y="766096"/>
                    <a:pt x="1597857" y="766096"/>
                  </a:cubicBezTo>
                  <a:close/>
                  <a:moveTo>
                    <a:pt x="1470174" y="1262234"/>
                  </a:moveTo>
                  <a:cubicBezTo>
                    <a:pt x="1465309" y="1313307"/>
                    <a:pt x="1470174" y="1366812"/>
                    <a:pt x="1484766" y="1422749"/>
                  </a:cubicBezTo>
                  <a:cubicBezTo>
                    <a:pt x="1526111" y="1398429"/>
                    <a:pt x="1574752" y="1357084"/>
                    <a:pt x="1630689" y="1298715"/>
                  </a:cubicBezTo>
                  <a:cubicBezTo>
                    <a:pt x="1577185" y="1274394"/>
                    <a:pt x="1523679" y="1262234"/>
                    <a:pt x="1470174" y="1262234"/>
                  </a:cubicBezTo>
                  <a:close/>
                  <a:moveTo>
                    <a:pt x="2234446" y="521674"/>
                  </a:moveTo>
                  <a:cubicBezTo>
                    <a:pt x="2216205" y="521674"/>
                    <a:pt x="2197357" y="528971"/>
                    <a:pt x="2177900" y="543563"/>
                  </a:cubicBezTo>
                  <a:cubicBezTo>
                    <a:pt x="2136556" y="570315"/>
                    <a:pt x="2064810" y="595852"/>
                    <a:pt x="1962664" y="620173"/>
                  </a:cubicBezTo>
                  <a:cubicBezTo>
                    <a:pt x="1969960" y="680974"/>
                    <a:pt x="1982120" y="753935"/>
                    <a:pt x="1999145" y="839057"/>
                  </a:cubicBezTo>
                  <a:cubicBezTo>
                    <a:pt x="2079403" y="856082"/>
                    <a:pt x="2119531" y="905939"/>
                    <a:pt x="2119531" y="988628"/>
                  </a:cubicBezTo>
                  <a:cubicBezTo>
                    <a:pt x="2119531" y="1034837"/>
                    <a:pt x="2101899" y="1069494"/>
                    <a:pt x="2066634" y="1092598"/>
                  </a:cubicBezTo>
                  <a:cubicBezTo>
                    <a:pt x="2031369" y="1115703"/>
                    <a:pt x="2001577" y="1139415"/>
                    <a:pt x="1977256" y="1163736"/>
                  </a:cubicBezTo>
                  <a:cubicBezTo>
                    <a:pt x="1952935" y="1188056"/>
                    <a:pt x="1938951" y="1211161"/>
                    <a:pt x="1935303" y="1233049"/>
                  </a:cubicBezTo>
                  <a:cubicBezTo>
                    <a:pt x="1931655" y="1254938"/>
                    <a:pt x="1929832" y="1282906"/>
                    <a:pt x="1929832" y="1316955"/>
                  </a:cubicBezTo>
                  <a:cubicBezTo>
                    <a:pt x="2000360" y="1299931"/>
                    <a:pt x="2053866" y="1291418"/>
                    <a:pt x="2090347" y="1291418"/>
                  </a:cubicBezTo>
                  <a:cubicBezTo>
                    <a:pt x="2126827" y="1291418"/>
                    <a:pt x="2157228" y="1302363"/>
                    <a:pt x="2181549" y="1324251"/>
                  </a:cubicBezTo>
                  <a:cubicBezTo>
                    <a:pt x="2210733" y="1270746"/>
                    <a:pt x="2244174" y="1168600"/>
                    <a:pt x="2281871" y="1017813"/>
                  </a:cubicBezTo>
                  <a:cubicBezTo>
                    <a:pt x="2319567" y="867026"/>
                    <a:pt x="2338416" y="766704"/>
                    <a:pt x="2338416" y="716847"/>
                  </a:cubicBezTo>
                  <a:cubicBezTo>
                    <a:pt x="2338416" y="666990"/>
                    <a:pt x="2325648" y="621997"/>
                    <a:pt x="2300111" y="581868"/>
                  </a:cubicBezTo>
                  <a:cubicBezTo>
                    <a:pt x="2274575" y="541739"/>
                    <a:pt x="2252686" y="521674"/>
                    <a:pt x="2234446" y="521674"/>
                  </a:cubicBezTo>
                  <a:close/>
                </a:path>
              </a:pathLst>
            </a:custGeom>
            <a:solidFill>
              <a:schemeClr val="tx1">
                <a:lumMod val="50000"/>
                <a:lumOff val="50000"/>
                <a:alpha val="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zh-CN" altLang="en-US"/>
            </a:p>
          </p:txBody>
        </p:sp>
        <p:grpSp>
          <p:nvGrpSpPr>
            <p:cNvPr id="17" name="组合 16"/>
            <p:cNvGrpSpPr/>
            <p:nvPr/>
          </p:nvGrpSpPr>
          <p:grpSpPr>
            <a:xfrm>
              <a:off x="7795870" y="5241671"/>
              <a:ext cx="480710" cy="469355"/>
              <a:chOff x="-1855351" y="1280575"/>
              <a:chExt cx="3243138" cy="3166529"/>
            </a:xfrm>
            <a:solidFill>
              <a:schemeClr val="tx1">
                <a:lumMod val="50000"/>
                <a:lumOff val="50000"/>
                <a:alpha val="0"/>
              </a:schemeClr>
            </a:solidFill>
          </p:grpSpPr>
          <p:sp>
            <p:nvSpPr>
              <p:cNvPr id="18" name="任意多边形 17"/>
              <p:cNvSpPr/>
              <p:nvPr/>
            </p:nvSpPr>
            <p:spPr>
              <a:xfrm>
                <a:off x="-337753" y="1280575"/>
                <a:ext cx="1725540" cy="3166529"/>
              </a:xfrm>
              <a:custGeom>
                <a:avLst/>
                <a:gdLst/>
                <a:ahLst/>
                <a:cxnLst/>
                <a:rect l="l" t="t" r="r" b="b"/>
                <a:pathLst>
                  <a:path w="1725540" h="3166529">
                    <a:moveTo>
                      <a:pt x="809873" y="0"/>
                    </a:moveTo>
                    <a:cubicBezTo>
                      <a:pt x="885266" y="0"/>
                      <a:pt x="944244" y="37089"/>
                      <a:pt x="986804" y="111266"/>
                    </a:cubicBezTo>
                    <a:cubicBezTo>
                      <a:pt x="1029365" y="185444"/>
                      <a:pt x="1050646" y="248677"/>
                      <a:pt x="1050646" y="300966"/>
                    </a:cubicBezTo>
                    <a:cubicBezTo>
                      <a:pt x="1050646" y="353255"/>
                      <a:pt x="1044566" y="414665"/>
                      <a:pt x="1032405" y="485194"/>
                    </a:cubicBezTo>
                    <a:cubicBezTo>
                      <a:pt x="1098071" y="460873"/>
                      <a:pt x="1157048" y="448713"/>
                      <a:pt x="1209337" y="448713"/>
                    </a:cubicBezTo>
                    <a:cubicBezTo>
                      <a:pt x="1261626" y="448713"/>
                      <a:pt x="1309659" y="465130"/>
                      <a:pt x="1353436" y="497962"/>
                    </a:cubicBezTo>
                    <a:cubicBezTo>
                      <a:pt x="1397213" y="530795"/>
                      <a:pt x="1419101" y="567884"/>
                      <a:pt x="1419101" y="609229"/>
                    </a:cubicBezTo>
                    <a:cubicBezTo>
                      <a:pt x="1419101" y="650573"/>
                      <a:pt x="1394173" y="684622"/>
                      <a:pt x="1344316" y="711375"/>
                    </a:cubicBezTo>
                    <a:cubicBezTo>
                      <a:pt x="1294459" y="738127"/>
                      <a:pt x="1240346" y="781296"/>
                      <a:pt x="1181977" y="840881"/>
                    </a:cubicBezTo>
                    <a:cubicBezTo>
                      <a:pt x="1123608" y="900467"/>
                      <a:pt x="1094423" y="937555"/>
                      <a:pt x="1094423" y="952148"/>
                    </a:cubicBezTo>
                    <a:cubicBezTo>
                      <a:pt x="1094423" y="964308"/>
                      <a:pt x="1109015" y="970388"/>
                      <a:pt x="1138200" y="970388"/>
                    </a:cubicBezTo>
                    <a:cubicBezTo>
                      <a:pt x="1167384" y="970388"/>
                      <a:pt x="1199001" y="988629"/>
                      <a:pt x="1233050" y="1025109"/>
                    </a:cubicBezTo>
                    <a:cubicBezTo>
                      <a:pt x="1267098" y="1061590"/>
                      <a:pt x="1284123" y="1092599"/>
                      <a:pt x="1284123" y="1118135"/>
                    </a:cubicBezTo>
                    <a:cubicBezTo>
                      <a:pt x="1284123" y="1143672"/>
                      <a:pt x="1272570" y="1164344"/>
                      <a:pt x="1249466" y="1180152"/>
                    </a:cubicBezTo>
                    <a:cubicBezTo>
                      <a:pt x="1226362" y="1195961"/>
                      <a:pt x="1206297" y="1218457"/>
                      <a:pt x="1189273" y="1247642"/>
                    </a:cubicBezTo>
                    <a:cubicBezTo>
                      <a:pt x="1218457" y="1298715"/>
                      <a:pt x="1269530" y="1332156"/>
                      <a:pt x="1342492" y="1347964"/>
                    </a:cubicBezTo>
                    <a:cubicBezTo>
                      <a:pt x="1415454" y="1363772"/>
                      <a:pt x="1467743" y="1388701"/>
                      <a:pt x="1499359" y="1422749"/>
                    </a:cubicBezTo>
                    <a:cubicBezTo>
                      <a:pt x="1530976" y="1456798"/>
                      <a:pt x="1546784" y="1488415"/>
                      <a:pt x="1546784" y="1517599"/>
                    </a:cubicBezTo>
                    <a:cubicBezTo>
                      <a:pt x="1546784" y="1546784"/>
                      <a:pt x="1527328" y="1561376"/>
                      <a:pt x="1488415" y="1561376"/>
                    </a:cubicBezTo>
                    <a:cubicBezTo>
                      <a:pt x="1473823" y="1561376"/>
                      <a:pt x="1453758" y="1557728"/>
                      <a:pt x="1428222" y="1550432"/>
                    </a:cubicBezTo>
                    <a:cubicBezTo>
                      <a:pt x="1402685" y="1543136"/>
                      <a:pt x="1370460" y="1539488"/>
                      <a:pt x="1331548" y="1539488"/>
                    </a:cubicBezTo>
                    <a:cubicBezTo>
                      <a:pt x="1173465" y="1539488"/>
                      <a:pt x="980116" y="1608801"/>
                      <a:pt x="751504" y="1747428"/>
                    </a:cubicBezTo>
                    <a:cubicBezTo>
                      <a:pt x="710159" y="1791205"/>
                      <a:pt x="685838" y="1862950"/>
                      <a:pt x="678542" y="1962664"/>
                    </a:cubicBezTo>
                    <a:cubicBezTo>
                      <a:pt x="795281" y="1926184"/>
                      <a:pt x="908371" y="1894567"/>
                      <a:pt x="1017813" y="1867814"/>
                    </a:cubicBezTo>
                    <a:cubicBezTo>
                      <a:pt x="1008085" y="1845926"/>
                      <a:pt x="1003221" y="1823430"/>
                      <a:pt x="1003221" y="1800325"/>
                    </a:cubicBezTo>
                    <a:cubicBezTo>
                      <a:pt x="1003221" y="1777221"/>
                      <a:pt x="1012949" y="1758372"/>
                      <a:pt x="1032405" y="1743780"/>
                    </a:cubicBezTo>
                    <a:cubicBezTo>
                      <a:pt x="1051862" y="1729188"/>
                      <a:pt x="1087735" y="1721892"/>
                      <a:pt x="1140024" y="1721892"/>
                    </a:cubicBezTo>
                    <a:cubicBezTo>
                      <a:pt x="1192313" y="1721892"/>
                      <a:pt x="1233658" y="1730404"/>
                      <a:pt x="1264058" y="1747428"/>
                    </a:cubicBezTo>
                    <a:cubicBezTo>
                      <a:pt x="1294459" y="1764452"/>
                      <a:pt x="1324252" y="1793637"/>
                      <a:pt x="1353436" y="1834982"/>
                    </a:cubicBezTo>
                    <a:cubicBezTo>
                      <a:pt x="1443422" y="1832550"/>
                      <a:pt x="1527936" y="1850182"/>
                      <a:pt x="1606977" y="1887879"/>
                    </a:cubicBezTo>
                    <a:cubicBezTo>
                      <a:pt x="1686019" y="1925576"/>
                      <a:pt x="1725540" y="1959624"/>
                      <a:pt x="1725540" y="1990025"/>
                    </a:cubicBezTo>
                    <a:cubicBezTo>
                      <a:pt x="1725540" y="2020426"/>
                      <a:pt x="1686627" y="2035626"/>
                      <a:pt x="1608801" y="2035626"/>
                    </a:cubicBezTo>
                    <a:cubicBezTo>
                      <a:pt x="1530976" y="2035626"/>
                      <a:pt x="1445854" y="2028330"/>
                      <a:pt x="1353436" y="2013737"/>
                    </a:cubicBezTo>
                    <a:cubicBezTo>
                      <a:pt x="1341276" y="2140204"/>
                      <a:pt x="1334588" y="2238702"/>
                      <a:pt x="1333372" y="2309232"/>
                    </a:cubicBezTo>
                    <a:cubicBezTo>
                      <a:pt x="1332156" y="2379761"/>
                      <a:pt x="1331548" y="2557301"/>
                      <a:pt x="1331548" y="2841851"/>
                    </a:cubicBezTo>
                    <a:cubicBezTo>
                      <a:pt x="1331548" y="2892924"/>
                      <a:pt x="1321211" y="2959805"/>
                      <a:pt x="1300539" y="3042495"/>
                    </a:cubicBezTo>
                    <a:cubicBezTo>
                      <a:pt x="1279866" y="3125184"/>
                      <a:pt x="1247642" y="3166529"/>
                      <a:pt x="1203865" y="3166529"/>
                    </a:cubicBezTo>
                    <a:cubicBezTo>
                      <a:pt x="1177113" y="3166529"/>
                      <a:pt x="1152184" y="3154977"/>
                      <a:pt x="1129079" y="3131872"/>
                    </a:cubicBezTo>
                    <a:cubicBezTo>
                      <a:pt x="1105975" y="3108768"/>
                      <a:pt x="1046390" y="3063775"/>
                      <a:pt x="950324" y="2996894"/>
                    </a:cubicBezTo>
                    <a:cubicBezTo>
                      <a:pt x="854258" y="2930012"/>
                      <a:pt x="807441" y="2868603"/>
                      <a:pt x="809873" y="2812666"/>
                    </a:cubicBezTo>
                    <a:cubicBezTo>
                      <a:pt x="753936" y="2761593"/>
                      <a:pt x="711983" y="2708088"/>
                      <a:pt x="684014" y="2652151"/>
                    </a:cubicBezTo>
                    <a:cubicBezTo>
                      <a:pt x="656046" y="2596213"/>
                      <a:pt x="642062" y="2548788"/>
                      <a:pt x="642062" y="2509876"/>
                    </a:cubicBezTo>
                    <a:cubicBezTo>
                      <a:pt x="642062" y="2470963"/>
                      <a:pt x="659086" y="2435698"/>
                      <a:pt x="693135" y="2404082"/>
                    </a:cubicBezTo>
                    <a:cubicBezTo>
                      <a:pt x="727183" y="2372465"/>
                      <a:pt x="772784" y="2356657"/>
                      <a:pt x="829937" y="2356657"/>
                    </a:cubicBezTo>
                    <a:cubicBezTo>
                      <a:pt x="887090" y="2356657"/>
                      <a:pt x="938163" y="2371857"/>
                      <a:pt x="983157" y="2402258"/>
                    </a:cubicBezTo>
                    <a:cubicBezTo>
                      <a:pt x="1028149" y="2432658"/>
                      <a:pt x="1050646" y="2470963"/>
                      <a:pt x="1050646" y="2517172"/>
                    </a:cubicBezTo>
                    <a:cubicBezTo>
                      <a:pt x="1050646" y="2624182"/>
                      <a:pt x="1023893" y="2677687"/>
                      <a:pt x="970388" y="2677687"/>
                    </a:cubicBezTo>
                    <a:cubicBezTo>
                      <a:pt x="929043" y="2677687"/>
                      <a:pt x="893171" y="2645463"/>
                      <a:pt x="862770" y="2581013"/>
                    </a:cubicBezTo>
                    <a:cubicBezTo>
                      <a:pt x="832369" y="2516564"/>
                      <a:pt x="806225" y="2484339"/>
                      <a:pt x="784336" y="2484339"/>
                    </a:cubicBezTo>
                    <a:cubicBezTo>
                      <a:pt x="772176" y="2484339"/>
                      <a:pt x="758800" y="2492243"/>
                      <a:pt x="744208" y="2508052"/>
                    </a:cubicBezTo>
                    <a:cubicBezTo>
                      <a:pt x="729615" y="2523860"/>
                      <a:pt x="722319" y="2543925"/>
                      <a:pt x="722319" y="2568245"/>
                    </a:cubicBezTo>
                    <a:cubicBezTo>
                      <a:pt x="722319" y="2653367"/>
                      <a:pt x="772176" y="2726328"/>
                      <a:pt x="871890" y="2787129"/>
                    </a:cubicBezTo>
                    <a:cubicBezTo>
                      <a:pt x="966740" y="2804154"/>
                      <a:pt x="1033621" y="2812666"/>
                      <a:pt x="1072534" y="2812666"/>
                    </a:cubicBezTo>
                    <a:cubicBezTo>
                      <a:pt x="1111447" y="2812666"/>
                      <a:pt x="1132727" y="2805978"/>
                      <a:pt x="1136376" y="2792601"/>
                    </a:cubicBezTo>
                    <a:cubicBezTo>
                      <a:pt x="1140024" y="2779225"/>
                      <a:pt x="1143672" y="2729976"/>
                      <a:pt x="1147320" y="2644854"/>
                    </a:cubicBezTo>
                    <a:cubicBezTo>
                      <a:pt x="1150968" y="2559733"/>
                      <a:pt x="1152792" y="2481299"/>
                      <a:pt x="1152792" y="2409554"/>
                    </a:cubicBezTo>
                    <a:cubicBezTo>
                      <a:pt x="1152792" y="2337808"/>
                      <a:pt x="1147928" y="2205870"/>
                      <a:pt x="1138200" y="2013737"/>
                    </a:cubicBezTo>
                    <a:cubicBezTo>
                      <a:pt x="875538" y="2074539"/>
                      <a:pt x="694350" y="2153580"/>
                      <a:pt x="594637" y="2250862"/>
                    </a:cubicBezTo>
                    <a:cubicBezTo>
                      <a:pt x="514379" y="2503796"/>
                      <a:pt x="445674" y="2662487"/>
                      <a:pt x="388520" y="2726936"/>
                    </a:cubicBezTo>
                    <a:cubicBezTo>
                      <a:pt x="331367" y="2791386"/>
                      <a:pt x="276646" y="2823610"/>
                      <a:pt x="224357" y="2823610"/>
                    </a:cubicBezTo>
                    <a:cubicBezTo>
                      <a:pt x="172068" y="2823610"/>
                      <a:pt x="139235" y="2801114"/>
                      <a:pt x="125859" y="2756121"/>
                    </a:cubicBezTo>
                    <a:cubicBezTo>
                      <a:pt x="112482" y="2711128"/>
                      <a:pt x="83906" y="2672823"/>
                      <a:pt x="40129" y="2641206"/>
                    </a:cubicBezTo>
                    <a:cubicBezTo>
                      <a:pt x="13376" y="2621750"/>
                      <a:pt x="0" y="2596822"/>
                      <a:pt x="0" y="2566421"/>
                    </a:cubicBezTo>
                    <a:cubicBezTo>
                      <a:pt x="0" y="2536020"/>
                      <a:pt x="27361" y="2469747"/>
                      <a:pt x="82082" y="2367601"/>
                    </a:cubicBezTo>
                    <a:cubicBezTo>
                      <a:pt x="136803" y="2265455"/>
                      <a:pt x="212805" y="2197357"/>
                      <a:pt x="310087" y="2163309"/>
                    </a:cubicBezTo>
                    <a:cubicBezTo>
                      <a:pt x="351431" y="2104939"/>
                      <a:pt x="404937" y="2062378"/>
                      <a:pt x="470602" y="2035626"/>
                    </a:cubicBezTo>
                    <a:cubicBezTo>
                      <a:pt x="482762" y="2004009"/>
                      <a:pt x="501003" y="1949288"/>
                      <a:pt x="525323" y="1871463"/>
                    </a:cubicBezTo>
                    <a:cubicBezTo>
                      <a:pt x="393992" y="1951720"/>
                      <a:pt x="295494" y="1991849"/>
                      <a:pt x="229829" y="1991849"/>
                    </a:cubicBezTo>
                    <a:cubicBezTo>
                      <a:pt x="127683" y="1991849"/>
                      <a:pt x="76610" y="1938344"/>
                      <a:pt x="76610" y="1831334"/>
                    </a:cubicBezTo>
                    <a:cubicBezTo>
                      <a:pt x="76610" y="1758372"/>
                      <a:pt x="101538" y="1668386"/>
                      <a:pt x="151395" y="1561376"/>
                    </a:cubicBezTo>
                    <a:cubicBezTo>
                      <a:pt x="201252" y="1454366"/>
                      <a:pt x="240165" y="1360732"/>
                      <a:pt x="268134" y="1280475"/>
                    </a:cubicBezTo>
                    <a:cubicBezTo>
                      <a:pt x="296102" y="1200217"/>
                      <a:pt x="313127" y="1160088"/>
                      <a:pt x="319207" y="1160088"/>
                    </a:cubicBezTo>
                    <a:cubicBezTo>
                      <a:pt x="325287" y="1160088"/>
                      <a:pt x="328327" y="1164952"/>
                      <a:pt x="328327" y="1174680"/>
                    </a:cubicBezTo>
                    <a:cubicBezTo>
                      <a:pt x="328327" y="1189273"/>
                      <a:pt x="309478" y="1248250"/>
                      <a:pt x="271782" y="1351612"/>
                    </a:cubicBezTo>
                    <a:cubicBezTo>
                      <a:pt x="234085" y="1454974"/>
                      <a:pt x="195780" y="1571104"/>
                      <a:pt x="156867" y="1700003"/>
                    </a:cubicBezTo>
                    <a:cubicBezTo>
                      <a:pt x="195780" y="1700003"/>
                      <a:pt x="234085" y="1692707"/>
                      <a:pt x="271782" y="1678115"/>
                    </a:cubicBezTo>
                    <a:cubicBezTo>
                      <a:pt x="309478" y="1663522"/>
                      <a:pt x="366632" y="1631298"/>
                      <a:pt x="443242" y="1581441"/>
                    </a:cubicBezTo>
                    <a:cubicBezTo>
                      <a:pt x="519851" y="1531584"/>
                      <a:pt x="563020" y="1501183"/>
                      <a:pt x="572748" y="1490239"/>
                    </a:cubicBezTo>
                    <a:cubicBezTo>
                      <a:pt x="582476" y="1479295"/>
                      <a:pt x="587340" y="1471998"/>
                      <a:pt x="587340" y="1468350"/>
                    </a:cubicBezTo>
                    <a:cubicBezTo>
                      <a:pt x="587340" y="1464702"/>
                      <a:pt x="584908" y="1461662"/>
                      <a:pt x="580044" y="1459230"/>
                    </a:cubicBezTo>
                    <a:cubicBezTo>
                      <a:pt x="492491" y="1432478"/>
                      <a:pt x="435337" y="1406941"/>
                      <a:pt x="408585" y="1382621"/>
                    </a:cubicBezTo>
                    <a:cubicBezTo>
                      <a:pt x="381832" y="1358300"/>
                      <a:pt x="368456" y="1315739"/>
                      <a:pt x="368456" y="1254938"/>
                    </a:cubicBezTo>
                    <a:cubicBezTo>
                      <a:pt x="368456" y="1194137"/>
                      <a:pt x="377576" y="1155832"/>
                      <a:pt x="395817" y="1140024"/>
                    </a:cubicBezTo>
                    <a:cubicBezTo>
                      <a:pt x="414057" y="1124215"/>
                      <a:pt x="445066" y="1111447"/>
                      <a:pt x="488842" y="1101719"/>
                    </a:cubicBezTo>
                    <a:cubicBezTo>
                      <a:pt x="532619" y="1091991"/>
                      <a:pt x="573964" y="1077398"/>
                      <a:pt x="612877" y="1057942"/>
                    </a:cubicBezTo>
                    <a:cubicBezTo>
                      <a:pt x="651790" y="1038486"/>
                      <a:pt x="671246" y="1024501"/>
                      <a:pt x="671246" y="1015989"/>
                    </a:cubicBezTo>
                    <a:cubicBezTo>
                      <a:pt x="671246" y="1007477"/>
                      <a:pt x="668206" y="1000789"/>
                      <a:pt x="662126" y="995925"/>
                    </a:cubicBezTo>
                    <a:cubicBezTo>
                      <a:pt x="656046" y="991061"/>
                      <a:pt x="628685" y="985588"/>
                      <a:pt x="580044" y="979508"/>
                    </a:cubicBezTo>
                    <a:cubicBezTo>
                      <a:pt x="531403" y="973428"/>
                      <a:pt x="492491" y="970388"/>
                      <a:pt x="463306" y="970388"/>
                    </a:cubicBezTo>
                    <a:cubicBezTo>
                      <a:pt x="434121" y="970388"/>
                      <a:pt x="414057" y="972820"/>
                      <a:pt x="403113" y="977684"/>
                    </a:cubicBezTo>
                    <a:cubicBezTo>
                      <a:pt x="392168" y="982548"/>
                      <a:pt x="381832" y="984980"/>
                      <a:pt x="372104" y="984980"/>
                    </a:cubicBezTo>
                    <a:cubicBezTo>
                      <a:pt x="345351" y="984980"/>
                      <a:pt x="331975" y="965524"/>
                      <a:pt x="331975" y="926611"/>
                    </a:cubicBezTo>
                    <a:cubicBezTo>
                      <a:pt x="331975" y="822033"/>
                      <a:pt x="378184" y="757584"/>
                      <a:pt x="470602" y="733263"/>
                    </a:cubicBezTo>
                    <a:cubicBezTo>
                      <a:pt x="536267" y="716239"/>
                      <a:pt x="633550" y="673678"/>
                      <a:pt x="762448" y="605581"/>
                    </a:cubicBezTo>
                    <a:cubicBezTo>
                      <a:pt x="762448" y="552075"/>
                      <a:pt x="755152" y="503435"/>
                      <a:pt x="740559" y="459658"/>
                    </a:cubicBezTo>
                    <a:cubicBezTo>
                      <a:pt x="711375" y="374536"/>
                      <a:pt x="696783" y="296102"/>
                      <a:pt x="696783" y="224357"/>
                    </a:cubicBezTo>
                    <a:cubicBezTo>
                      <a:pt x="696783" y="152611"/>
                      <a:pt x="705903" y="97282"/>
                      <a:pt x="724143" y="58369"/>
                    </a:cubicBezTo>
                    <a:cubicBezTo>
                      <a:pt x="742384" y="19456"/>
                      <a:pt x="770960" y="0"/>
                      <a:pt x="809873" y="0"/>
                    </a:cubicBezTo>
                    <a:close/>
                    <a:moveTo>
                      <a:pt x="773392" y="229829"/>
                    </a:moveTo>
                    <a:cubicBezTo>
                      <a:pt x="753936" y="297926"/>
                      <a:pt x="749072" y="366024"/>
                      <a:pt x="758800" y="434121"/>
                    </a:cubicBezTo>
                    <a:cubicBezTo>
                      <a:pt x="783120" y="421961"/>
                      <a:pt x="795281" y="384872"/>
                      <a:pt x="795281" y="322855"/>
                    </a:cubicBezTo>
                    <a:cubicBezTo>
                      <a:pt x="795281" y="260838"/>
                      <a:pt x="787984" y="229829"/>
                      <a:pt x="773392" y="229829"/>
                    </a:cubicBezTo>
                    <a:close/>
                    <a:moveTo>
                      <a:pt x="1112663" y="1276826"/>
                    </a:moveTo>
                    <a:cubicBezTo>
                      <a:pt x="1088342" y="1284123"/>
                      <a:pt x="1056726" y="1327900"/>
                      <a:pt x="1017813" y="1408157"/>
                    </a:cubicBezTo>
                    <a:cubicBezTo>
                      <a:pt x="1032405" y="1410589"/>
                      <a:pt x="1051862" y="1411805"/>
                      <a:pt x="1076182" y="1411805"/>
                    </a:cubicBezTo>
                    <a:cubicBezTo>
                      <a:pt x="1100503" y="1411805"/>
                      <a:pt x="1136984" y="1404509"/>
                      <a:pt x="1185625" y="1389917"/>
                    </a:cubicBezTo>
                    <a:cubicBezTo>
                      <a:pt x="1171032" y="1331548"/>
                      <a:pt x="1146712" y="1293851"/>
                      <a:pt x="1112663" y="1276826"/>
                    </a:cubicBezTo>
                    <a:close/>
                    <a:moveTo>
                      <a:pt x="321031" y="2269103"/>
                    </a:moveTo>
                    <a:cubicBezTo>
                      <a:pt x="294278" y="2269103"/>
                      <a:pt x="263270" y="2298287"/>
                      <a:pt x="228005" y="2356657"/>
                    </a:cubicBezTo>
                    <a:cubicBezTo>
                      <a:pt x="192740" y="2415026"/>
                      <a:pt x="175108" y="2460019"/>
                      <a:pt x="175108" y="2491635"/>
                    </a:cubicBezTo>
                    <a:cubicBezTo>
                      <a:pt x="175108" y="2547573"/>
                      <a:pt x="190916" y="2575541"/>
                      <a:pt x="222533" y="2575541"/>
                    </a:cubicBezTo>
                    <a:cubicBezTo>
                      <a:pt x="237125" y="2575541"/>
                      <a:pt x="255365" y="2558517"/>
                      <a:pt x="277254" y="2524468"/>
                    </a:cubicBezTo>
                    <a:cubicBezTo>
                      <a:pt x="299142" y="2490419"/>
                      <a:pt x="330759" y="2417458"/>
                      <a:pt x="372104" y="2305584"/>
                    </a:cubicBezTo>
                    <a:cubicBezTo>
                      <a:pt x="364808" y="2281263"/>
                      <a:pt x="347783" y="2269103"/>
                      <a:pt x="321031" y="226910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  <p:sp>
            <p:nvSpPr>
              <p:cNvPr id="19" name="任意多边形 18"/>
              <p:cNvSpPr/>
              <p:nvPr/>
            </p:nvSpPr>
            <p:spPr>
              <a:xfrm>
                <a:off x="-1855351" y="1514052"/>
                <a:ext cx="1798501" cy="2695927"/>
              </a:xfrm>
              <a:custGeom>
                <a:avLst/>
                <a:gdLst/>
                <a:ahLst/>
                <a:cxnLst/>
                <a:rect l="l" t="t" r="r" b="b"/>
                <a:pathLst>
                  <a:path w="1798501" h="2695927">
                    <a:moveTo>
                      <a:pt x="1311483" y="0"/>
                    </a:moveTo>
                    <a:cubicBezTo>
                      <a:pt x="1368636" y="0"/>
                      <a:pt x="1431869" y="28576"/>
                      <a:pt x="1501183" y="85730"/>
                    </a:cubicBezTo>
                    <a:cubicBezTo>
                      <a:pt x="1570496" y="142883"/>
                      <a:pt x="1605153" y="215236"/>
                      <a:pt x="1605153" y="302790"/>
                    </a:cubicBezTo>
                    <a:cubicBezTo>
                      <a:pt x="1605153" y="373319"/>
                      <a:pt x="1582048" y="416489"/>
                      <a:pt x="1535840" y="432297"/>
                    </a:cubicBezTo>
                    <a:cubicBezTo>
                      <a:pt x="1489630" y="448105"/>
                      <a:pt x="1454366" y="468777"/>
                      <a:pt x="1430045" y="494314"/>
                    </a:cubicBezTo>
                    <a:cubicBezTo>
                      <a:pt x="1405725" y="519851"/>
                      <a:pt x="1377756" y="561803"/>
                      <a:pt x="1346140" y="620173"/>
                    </a:cubicBezTo>
                    <a:cubicBezTo>
                      <a:pt x="1363164" y="625037"/>
                      <a:pt x="1390525" y="621997"/>
                      <a:pt x="1428221" y="611053"/>
                    </a:cubicBezTo>
                    <a:cubicBezTo>
                      <a:pt x="1465918" y="600108"/>
                      <a:pt x="1499359" y="585516"/>
                      <a:pt x="1528543" y="567276"/>
                    </a:cubicBezTo>
                    <a:cubicBezTo>
                      <a:pt x="1557728" y="549035"/>
                      <a:pt x="1593601" y="539915"/>
                      <a:pt x="1636161" y="539915"/>
                    </a:cubicBezTo>
                    <a:cubicBezTo>
                      <a:pt x="1678723" y="539915"/>
                      <a:pt x="1716419" y="555115"/>
                      <a:pt x="1749252" y="585516"/>
                    </a:cubicBezTo>
                    <a:cubicBezTo>
                      <a:pt x="1782085" y="615917"/>
                      <a:pt x="1798501" y="654829"/>
                      <a:pt x="1798501" y="702254"/>
                    </a:cubicBezTo>
                    <a:cubicBezTo>
                      <a:pt x="1798501" y="749679"/>
                      <a:pt x="1774180" y="789200"/>
                      <a:pt x="1725539" y="820817"/>
                    </a:cubicBezTo>
                    <a:cubicBezTo>
                      <a:pt x="1703651" y="925395"/>
                      <a:pt x="1682979" y="977684"/>
                      <a:pt x="1663522" y="977684"/>
                    </a:cubicBezTo>
                    <a:cubicBezTo>
                      <a:pt x="1658658" y="977684"/>
                      <a:pt x="1656226" y="974036"/>
                      <a:pt x="1656226" y="966740"/>
                    </a:cubicBezTo>
                    <a:cubicBezTo>
                      <a:pt x="1656226" y="959444"/>
                      <a:pt x="1660482" y="947283"/>
                      <a:pt x="1668994" y="930259"/>
                    </a:cubicBezTo>
                    <a:cubicBezTo>
                      <a:pt x="1677506" y="913235"/>
                      <a:pt x="1679330" y="886482"/>
                      <a:pt x="1674466" y="850001"/>
                    </a:cubicBezTo>
                    <a:cubicBezTo>
                      <a:pt x="1623393" y="869458"/>
                      <a:pt x="1565024" y="920531"/>
                      <a:pt x="1499359" y="1003221"/>
                    </a:cubicBezTo>
                    <a:cubicBezTo>
                      <a:pt x="1550432" y="1034837"/>
                      <a:pt x="1588129" y="1060374"/>
                      <a:pt x="1612449" y="1079830"/>
                    </a:cubicBezTo>
                    <a:cubicBezTo>
                      <a:pt x="1627041" y="1055510"/>
                      <a:pt x="1636770" y="1043349"/>
                      <a:pt x="1641634" y="1043349"/>
                    </a:cubicBezTo>
                    <a:cubicBezTo>
                      <a:pt x="1646498" y="1043349"/>
                      <a:pt x="1648930" y="1048214"/>
                      <a:pt x="1648930" y="1057942"/>
                    </a:cubicBezTo>
                    <a:cubicBezTo>
                      <a:pt x="1648930" y="1067670"/>
                      <a:pt x="1646498" y="1082262"/>
                      <a:pt x="1641634" y="1101719"/>
                    </a:cubicBezTo>
                    <a:cubicBezTo>
                      <a:pt x="1648930" y="1150360"/>
                      <a:pt x="1636770" y="1196569"/>
                      <a:pt x="1605153" y="1240345"/>
                    </a:cubicBezTo>
                    <a:cubicBezTo>
                      <a:pt x="1595425" y="1252506"/>
                      <a:pt x="1583264" y="1286554"/>
                      <a:pt x="1568672" y="1342492"/>
                    </a:cubicBezTo>
                    <a:cubicBezTo>
                      <a:pt x="1554080" y="1398429"/>
                      <a:pt x="1544352" y="1450718"/>
                      <a:pt x="1539487" y="1499359"/>
                    </a:cubicBezTo>
                    <a:cubicBezTo>
                      <a:pt x="1549216" y="1516383"/>
                      <a:pt x="1554080" y="1543136"/>
                      <a:pt x="1554080" y="1579616"/>
                    </a:cubicBezTo>
                    <a:cubicBezTo>
                      <a:pt x="1554080" y="1616097"/>
                      <a:pt x="1530367" y="1692707"/>
                      <a:pt x="1482942" y="1809445"/>
                    </a:cubicBezTo>
                    <a:cubicBezTo>
                      <a:pt x="1435517" y="1926183"/>
                      <a:pt x="1389917" y="2063594"/>
                      <a:pt x="1346140" y="2221678"/>
                    </a:cubicBezTo>
                    <a:cubicBezTo>
                      <a:pt x="1302363" y="2379761"/>
                      <a:pt x="1273178" y="2509875"/>
                      <a:pt x="1258586" y="2612022"/>
                    </a:cubicBezTo>
                    <a:cubicBezTo>
                      <a:pt x="1251290" y="2667959"/>
                      <a:pt x="1228185" y="2695927"/>
                      <a:pt x="1189272" y="2695927"/>
                    </a:cubicBezTo>
                    <a:cubicBezTo>
                      <a:pt x="1150360" y="2695927"/>
                      <a:pt x="1098071" y="2655799"/>
                      <a:pt x="1032405" y="2575541"/>
                    </a:cubicBezTo>
                    <a:cubicBezTo>
                      <a:pt x="966740" y="2495283"/>
                      <a:pt x="933907" y="2436914"/>
                      <a:pt x="933907" y="2400433"/>
                    </a:cubicBezTo>
                    <a:cubicBezTo>
                      <a:pt x="933907" y="2363952"/>
                      <a:pt x="941811" y="2328688"/>
                      <a:pt x="957620" y="2294639"/>
                    </a:cubicBezTo>
                    <a:cubicBezTo>
                      <a:pt x="973428" y="2260590"/>
                      <a:pt x="986804" y="2207693"/>
                      <a:pt x="997748" y="2135948"/>
                    </a:cubicBezTo>
                    <a:cubicBezTo>
                      <a:pt x="1008693" y="2064202"/>
                      <a:pt x="1011733" y="1993065"/>
                      <a:pt x="1006869" y="1922535"/>
                    </a:cubicBezTo>
                    <a:cubicBezTo>
                      <a:pt x="909587" y="1988201"/>
                      <a:pt x="840273" y="2036842"/>
                      <a:pt x="798928" y="2068459"/>
                    </a:cubicBezTo>
                    <a:cubicBezTo>
                      <a:pt x="757583" y="2100075"/>
                      <a:pt x="722319" y="2115884"/>
                      <a:pt x="693134" y="2115884"/>
                    </a:cubicBezTo>
                    <a:cubicBezTo>
                      <a:pt x="627469" y="2115884"/>
                      <a:pt x="594636" y="2056298"/>
                      <a:pt x="594636" y="1937128"/>
                    </a:cubicBezTo>
                    <a:cubicBezTo>
                      <a:pt x="594636" y="1893351"/>
                      <a:pt x="606188" y="1855654"/>
                      <a:pt x="629293" y="1824037"/>
                    </a:cubicBezTo>
                    <a:cubicBezTo>
                      <a:pt x="652397" y="1792421"/>
                      <a:pt x="677934" y="1774180"/>
                      <a:pt x="705902" y="1769316"/>
                    </a:cubicBezTo>
                    <a:cubicBezTo>
                      <a:pt x="733871" y="1764452"/>
                      <a:pt x="764272" y="1749252"/>
                      <a:pt x="797104" y="1723715"/>
                    </a:cubicBezTo>
                    <a:cubicBezTo>
                      <a:pt x="829937" y="1698179"/>
                      <a:pt x="878578" y="1651970"/>
                      <a:pt x="943027" y="1585088"/>
                    </a:cubicBezTo>
                    <a:cubicBezTo>
                      <a:pt x="1007477" y="1518207"/>
                      <a:pt x="1043957" y="1478078"/>
                      <a:pt x="1052470" y="1464702"/>
                    </a:cubicBezTo>
                    <a:cubicBezTo>
                      <a:pt x="1060982" y="1451326"/>
                      <a:pt x="1065238" y="1440382"/>
                      <a:pt x="1065238" y="1431869"/>
                    </a:cubicBezTo>
                    <a:cubicBezTo>
                      <a:pt x="1065238" y="1423357"/>
                      <a:pt x="1060374" y="1419101"/>
                      <a:pt x="1050645" y="1419101"/>
                    </a:cubicBezTo>
                    <a:cubicBezTo>
                      <a:pt x="1040917" y="1419101"/>
                      <a:pt x="1022069" y="1428829"/>
                      <a:pt x="994100" y="1448286"/>
                    </a:cubicBezTo>
                    <a:cubicBezTo>
                      <a:pt x="966132" y="1467742"/>
                      <a:pt x="943635" y="1480510"/>
                      <a:pt x="926611" y="1486590"/>
                    </a:cubicBezTo>
                    <a:cubicBezTo>
                      <a:pt x="909587" y="1492671"/>
                      <a:pt x="888306" y="1495711"/>
                      <a:pt x="862770" y="1495711"/>
                    </a:cubicBezTo>
                    <a:cubicBezTo>
                      <a:pt x="837233" y="1495711"/>
                      <a:pt x="817169" y="1483550"/>
                      <a:pt x="802576" y="1459230"/>
                    </a:cubicBezTo>
                    <a:cubicBezTo>
                      <a:pt x="787984" y="1434909"/>
                      <a:pt x="774608" y="1382620"/>
                      <a:pt x="762448" y="1302363"/>
                    </a:cubicBezTo>
                    <a:cubicBezTo>
                      <a:pt x="631117" y="1416669"/>
                      <a:pt x="490058" y="1554080"/>
                      <a:pt x="339271" y="1714595"/>
                    </a:cubicBezTo>
                    <a:cubicBezTo>
                      <a:pt x="271173" y="1789989"/>
                      <a:pt x="199428" y="1827685"/>
                      <a:pt x="124034" y="1827685"/>
                    </a:cubicBezTo>
                    <a:cubicBezTo>
                      <a:pt x="89986" y="1827685"/>
                      <a:pt x="60801" y="1821605"/>
                      <a:pt x="36481" y="1809445"/>
                    </a:cubicBezTo>
                    <a:cubicBezTo>
                      <a:pt x="12160" y="1797285"/>
                      <a:pt x="0" y="1782084"/>
                      <a:pt x="0" y="1763844"/>
                    </a:cubicBezTo>
                    <a:cubicBezTo>
                      <a:pt x="0" y="1745604"/>
                      <a:pt x="7296" y="1729795"/>
                      <a:pt x="21888" y="1716419"/>
                    </a:cubicBezTo>
                    <a:cubicBezTo>
                      <a:pt x="36481" y="1703043"/>
                      <a:pt x="57761" y="1693315"/>
                      <a:pt x="85730" y="1687235"/>
                    </a:cubicBezTo>
                    <a:cubicBezTo>
                      <a:pt x="113698" y="1681154"/>
                      <a:pt x="161123" y="1645282"/>
                      <a:pt x="228005" y="1579616"/>
                    </a:cubicBezTo>
                    <a:cubicBezTo>
                      <a:pt x="294886" y="1513951"/>
                      <a:pt x="369671" y="1425181"/>
                      <a:pt x="452361" y="1313307"/>
                    </a:cubicBezTo>
                    <a:lnTo>
                      <a:pt x="1065238" y="466953"/>
                    </a:lnTo>
                    <a:cubicBezTo>
                      <a:pt x="1181976" y="308870"/>
                      <a:pt x="1244602" y="223748"/>
                      <a:pt x="1253114" y="211588"/>
                    </a:cubicBezTo>
                    <a:cubicBezTo>
                      <a:pt x="1261626" y="199428"/>
                      <a:pt x="1265882" y="183620"/>
                      <a:pt x="1265882" y="164163"/>
                    </a:cubicBezTo>
                    <a:cubicBezTo>
                      <a:pt x="1265882" y="144707"/>
                      <a:pt x="1259194" y="124034"/>
                      <a:pt x="1245818" y="102146"/>
                    </a:cubicBezTo>
                    <a:cubicBezTo>
                      <a:pt x="1232441" y="80258"/>
                      <a:pt x="1225753" y="64449"/>
                      <a:pt x="1225753" y="54721"/>
                    </a:cubicBezTo>
                    <a:cubicBezTo>
                      <a:pt x="1225753" y="18240"/>
                      <a:pt x="1254330" y="0"/>
                      <a:pt x="1311483" y="0"/>
                    </a:cubicBezTo>
                    <a:close/>
                    <a:moveTo>
                      <a:pt x="1207513" y="766096"/>
                    </a:moveTo>
                    <a:cubicBezTo>
                      <a:pt x="1027541" y="972820"/>
                      <a:pt x="931475" y="1085910"/>
                      <a:pt x="919315" y="1105367"/>
                    </a:cubicBezTo>
                    <a:cubicBezTo>
                      <a:pt x="919315" y="1122391"/>
                      <a:pt x="925395" y="1130903"/>
                      <a:pt x="937555" y="1130903"/>
                    </a:cubicBezTo>
                    <a:cubicBezTo>
                      <a:pt x="949716" y="1130903"/>
                      <a:pt x="966740" y="1121175"/>
                      <a:pt x="988628" y="1101719"/>
                    </a:cubicBezTo>
                    <a:cubicBezTo>
                      <a:pt x="1010517" y="1082262"/>
                      <a:pt x="1068278" y="1039093"/>
                      <a:pt x="1161912" y="972212"/>
                    </a:cubicBezTo>
                    <a:cubicBezTo>
                      <a:pt x="1255546" y="905331"/>
                      <a:pt x="1305403" y="869458"/>
                      <a:pt x="1311483" y="864594"/>
                    </a:cubicBezTo>
                    <a:cubicBezTo>
                      <a:pt x="1317563" y="859730"/>
                      <a:pt x="1320603" y="852434"/>
                      <a:pt x="1320603" y="842705"/>
                    </a:cubicBezTo>
                    <a:cubicBezTo>
                      <a:pt x="1320603" y="811089"/>
                      <a:pt x="1282906" y="785552"/>
                      <a:pt x="1207513" y="766096"/>
                    </a:cubicBezTo>
                    <a:close/>
                    <a:moveTo>
                      <a:pt x="1528543" y="1295067"/>
                    </a:moveTo>
                    <a:cubicBezTo>
                      <a:pt x="1445854" y="1346140"/>
                      <a:pt x="1404509" y="1392348"/>
                      <a:pt x="1404509" y="1433693"/>
                    </a:cubicBezTo>
                    <a:cubicBezTo>
                      <a:pt x="1404509" y="1460446"/>
                      <a:pt x="1432477" y="1478686"/>
                      <a:pt x="1488415" y="1488415"/>
                    </a:cubicBezTo>
                    <a:cubicBezTo>
                      <a:pt x="1520031" y="1400861"/>
                      <a:pt x="1535840" y="1347964"/>
                      <a:pt x="1535840" y="1329723"/>
                    </a:cubicBezTo>
                    <a:cubicBezTo>
                      <a:pt x="1535840" y="1311483"/>
                      <a:pt x="1533407" y="1299931"/>
                      <a:pt x="1528543" y="1295067"/>
                    </a:cubicBezTo>
                    <a:close/>
                    <a:moveTo>
                      <a:pt x="1362556" y="1718243"/>
                    </a:moveTo>
                    <a:cubicBezTo>
                      <a:pt x="1349180" y="1718243"/>
                      <a:pt x="1325467" y="1729187"/>
                      <a:pt x="1291419" y="1751076"/>
                    </a:cubicBezTo>
                    <a:cubicBezTo>
                      <a:pt x="1208729" y="1967528"/>
                      <a:pt x="1167384" y="2124396"/>
                      <a:pt x="1167384" y="2221678"/>
                    </a:cubicBezTo>
                    <a:cubicBezTo>
                      <a:pt x="1167384" y="2233838"/>
                      <a:pt x="1172248" y="2239918"/>
                      <a:pt x="1181976" y="2239918"/>
                    </a:cubicBezTo>
                    <a:cubicBezTo>
                      <a:pt x="1191704" y="2239918"/>
                      <a:pt x="1201433" y="2230190"/>
                      <a:pt x="1211161" y="2210733"/>
                    </a:cubicBezTo>
                    <a:lnTo>
                      <a:pt x="1273178" y="2061162"/>
                    </a:lnTo>
                    <a:cubicBezTo>
                      <a:pt x="1307227" y="1978472"/>
                      <a:pt x="1344924" y="1867814"/>
                      <a:pt x="1386268" y="1729187"/>
                    </a:cubicBezTo>
                    <a:cubicBezTo>
                      <a:pt x="1383836" y="1721891"/>
                      <a:pt x="1375932" y="1718243"/>
                      <a:pt x="1362556" y="1718243"/>
                    </a:cubicBezTo>
                    <a:close/>
                  </a:path>
                </a:pathLst>
              </a:custGeom>
              <a:grp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zh-CN" altLang="en-US"/>
              </a:p>
            </p:txBody>
          </p:sp>
        </p:grpSp>
      </p:grpSp>
      <p:pic>
        <p:nvPicPr>
          <p:cNvPr id="3" name="图片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80" y="1719761"/>
            <a:ext cx="4842466" cy="2808630"/>
          </a:xfrm>
          <a:prstGeom prst="rect">
            <a:avLst/>
          </a:prstGeom>
        </p:spPr>
      </p:pic>
      <p:pic>
        <p:nvPicPr>
          <p:cNvPr id="11" name="图片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2736" y="1719761"/>
            <a:ext cx="2794000" cy="1854200"/>
          </a:xfrm>
          <a:prstGeom prst="rect">
            <a:avLst/>
          </a:prstGeom>
        </p:spPr>
      </p:pic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">
  <a:themeElements>
    <a:clrScheme name="Office 主题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自定义 3">
      <a:majorFont>
        <a:latin typeface="Microsoft YaHei UI"/>
        <a:ea typeface="微软雅黑"/>
        <a:cs typeface=""/>
      </a:majorFont>
      <a:minorFont>
        <a:latin typeface="Microsoft YaHei UI"/>
        <a:ea typeface="微软雅黑"/>
        <a:cs typeface=""/>
      </a:minorFont>
    </a:fontScheme>
    <a:fmtScheme name="Office 主题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6">
            <a:shade val="50000"/>
          </a:schemeClr>
        </a:lnRef>
        <a:fillRef idx="1">
          <a:schemeClr val="accent6"/>
        </a:fillRef>
        <a:effectRef idx="0">
          <a:schemeClr val="accent6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 主题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439</TotalTime>
  <Words>1334</Words>
  <Application>Microsoft Office PowerPoint</Application>
  <PresentationFormat>全屏显示(4:3)</PresentationFormat>
  <Paragraphs>99</Paragraphs>
  <Slides>21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7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21</vt:i4>
      </vt:variant>
    </vt:vector>
  </HeadingPairs>
  <TitlesOfParts>
    <vt:vector size="29" baseType="lpstr">
      <vt:lpstr>Helvetica Neue</vt:lpstr>
      <vt:lpstr>Microsoft YaHei UI</vt:lpstr>
      <vt:lpstr>宋体</vt:lpstr>
      <vt:lpstr>微软雅黑</vt:lpstr>
      <vt:lpstr>Arial</vt:lpstr>
      <vt:lpstr>Calibri</vt:lpstr>
      <vt:lpstr>Times New Roman</vt:lpstr>
      <vt:lpstr>Office 主题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耿正</dc:creator>
  <cp:lastModifiedBy>shuren sun</cp:lastModifiedBy>
  <cp:revision>163</cp:revision>
  <dcterms:created xsi:type="dcterms:W3CDTF">2014-08-31T01:47:49Z</dcterms:created>
  <dcterms:modified xsi:type="dcterms:W3CDTF">2016-07-17T15:25:01Z</dcterms:modified>
</cp:coreProperties>
</file>